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169\2023_03人口・社会統計課\01_人口統計\02_人口統計\01_月報\₌🍉令和5年8月1日現在\04_HP用\"/>
    </mc:Choice>
  </mc:AlternateContent>
  <bookViews>
    <workbookView xWindow="0" yWindow="0" windowWidth="15255" windowHeight="10290"/>
  </bookViews>
  <sheets>
    <sheet name="人口と世帯" sheetId="93" r:id="rId1"/>
  </sheets>
  <definedNames>
    <definedName name="_Order1">255</definedName>
    <definedName name="_xlnm.Print_Area" localSheetId="0">人口と世帯!$A$1:$L$83</definedName>
    <definedName name="_xlnm.Print_Titles" localSheetId="0">人口と世帯!$3:$6</definedName>
    <definedName name="横浜市">#REF!</definedName>
    <definedName name="市名">#REF!</definedName>
    <definedName name="人口と世帯３">#REF!</definedName>
    <definedName name="川崎市">#REF!</definedName>
    <definedName name="相模原市">#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0" uniqueCount="92">
  <si>
    <t>自然増減</t>
  </si>
  <si>
    <t>社会増減</t>
  </si>
  <si>
    <t>人口密度</t>
  </si>
  <si>
    <t>男</t>
  </si>
  <si>
    <t>女</t>
  </si>
  <si>
    <t>人</t>
  </si>
  <si>
    <t>世帯</t>
  </si>
  <si>
    <t>藤沢市</t>
  </si>
  <si>
    <t>平塚市</t>
  </si>
  <si>
    <t>茅ヶ崎市</t>
  </si>
  <si>
    <t>大和市</t>
  </si>
  <si>
    <t>厚木市</t>
  </si>
  <si>
    <t>小田原市</t>
  </si>
  <si>
    <t>鎌倉市</t>
  </si>
  <si>
    <t>秦野市</t>
  </si>
  <si>
    <t>海老名市</t>
  </si>
  <si>
    <t>座間市</t>
  </si>
  <si>
    <t>伊勢原市</t>
  </si>
  <si>
    <t>綾瀬市</t>
  </si>
  <si>
    <t>逗子市</t>
  </si>
  <si>
    <t>三浦市</t>
  </si>
  <si>
    <t>南足柄市</t>
  </si>
  <si>
    <t>横須賀市</t>
  </si>
  <si>
    <t>郡部計</t>
  </si>
  <si>
    <t>横浜市</t>
  </si>
  <si>
    <t>川崎市</t>
  </si>
  <si>
    <t>中郡</t>
  </si>
  <si>
    <t>足柄上郡</t>
  </si>
  <si>
    <t>足柄下郡</t>
  </si>
  <si>
    <t>愛甲郡</t>
  </si>
  <si>
    <t>世 帯 数</t>
  </si>
  <si>
    <t>口</t>
  </si>
  <si>
    <t>前１か月の人口増減の内訳</t>
    <rPh sb="7" eb="9">
      <t>ゾウゲン</t>
    </rPh>
    <phoneticPr fontId="6"/>
  </si>
  <si>
    <t>１世帯当</t>
  </si>
  <si>
    <t>総  数</t>
  </si>
  <si>
    <t>人口増減</t>
    <rPh sb="0" eb="4">
      <t>ジンコウゾウゲン</t>
    </rPh>
    <phoneticPr fontId="6"/>
  </si>
  <si>
    <t>たり人員</t>
  </si>
  <si>
    <t xml:space="preserve">  鶴見区</t>
  </si>
  <si>
    <t xml:space="preserve"> 西  区</t>
  </si>
  <si>
    <t xml:space="preserve">  中   区</t>
  </si>
  <si>
    <t xml:space="preserve"> 南  区</t>
  </si>
  <si>
    <t xml:space="preserve">  港南区</t>
  </si>
  <si>
    <t xml:space="preserve"> 旭  区</t>
  </si>
  <si>
    <t xml:space="preserve">  磯子区</t>
  </si>
  <si>
    <t xml:space="preserve">  金沢区</t>
  </si>
  <si>
    <t xml:space="preserve">  港北区</t>
  </si>
  <si>
    <t xml:space="preserve"> 緑  区</t>
  </si>
  <si>
    <t xml:space="preserve">  青葉区</t>
  </si>
  <si>
    <t xml:space="preserve">  都筑区</t>
  </si>
  <si>
    <t xml:space="preserve">  戸塚区</t>
  </si>
  <si>
    <t xml:space="preserve"> 栄  区</t>
  </si>
  <si>
    <t xml:space="preserve"> 泉  区</t>
  </si>
  <si>
    <t xml:space="preserve">  瀬谷区</t>
  </si>
  <si>
    <t xml:space="preserve">  川崎区</t>
  </si>
  <si>
    <t xml:space="preserve">  中原区</t>
  </si>
  <si>
    <t xml:space="preserve">  宮前区</t>
  </si>
  <si>
    <t xml:space="preserve">  多摩区</t>
  </si>
  <si>
    <t xml:space="preserve">  麻生区</t>
  </si>
  <si>
    <t>相模原市</t>
  </si>
  <si>
    <t xml:space="preserve"> 緑　区</t>
    <rPh sb="1" eb="2">
      <t>ミドリ</t>
    </rPh>
    <rPh sb="3" eb="4">
      <t>ク</t>
    </rPh>
    <phoneticPr fontId="6"/>
  </si>
  <si>
    <t xml:space="preserve">  中央区</t>
    <rPh sb="2" eb="3">
      <t>ナカ</t>
    </rPh>
    <rPh sb="3" eb="4">
      <t>ヒサシ</t>
    </rPh>
    <rPh sb="4" eb="5">
      <t>ク</t>
    </rPh>
    <phoneticPr fontId="6"/>
  </si>
  <si>
    <t xml:space="preserve"> 南　区</t>
    <rPh sb="1" eb="2">
      <t>ミナミ</t>
    </rPh>
    <rPh sb="3" eb="4">
      <t>ク</t>
    </rPh>
    <phoneticPr fontId="6"/>
  </si>
  <si>
    <t xml:space="preserve">  大磯町</t>
  </si>
  <si>
    <t xml:space="preserve">  二宮町</t>
  </si>
  <si>
    <t xml:space="preserve">  中井町</t>
  </si>
  <si>
    <t xml:space="preserve">  大井町</t>
  </si>
  <si>
    <t xml:space="preserve">  松田町</t>
  </si>
  <si>
    <t xml:space="preserve">  山北町</t>
  </si>
  <si>
    <t xml:space="preserve">  開成町</t>
  </si>
  <si>
    <t xml:space="preserve">  箱根町</t>
  </si>
  <si>
    <t xml:space="preserve">  真鶴町</t>
  </si>
  <si>
    <t xml:space="preserve">  愛川町</t>
  </si>
  <si>
    <t xml:space="preserve">  清川村</t>
  </si>
  <si>
    <t>市区町村名</t>
    <rPh sb="0" eb="2">
      <t>シク</t>
    </rPh>
    <rPh sb="2" eb="4">
      <t>チョウソン</t>
    </rPh>
    <rPh sb="4" eb="5">
      <t>メイ</t>
    </rPh>
    <phoneticPr fontId="3"/>
  </si>
  <si>
    <t>（令和２年国勢調査確定値を基準とした推計）</t>
    <rPh sb="1" eb="3">
      <t>レイワ</t>
    </rPh>
    <rPh sb="4" eb="5">
      <t>ネン</t>
    </rPh>
    <rPh sb="5" eb="7">
      <t>コクセイ</t>
    </rPh>
    <rPh sb="7" eb="9">
      <t>チョウサ</t>
    </rPh>
    <rPh sb="9" eb="12">
      <t>カクテイチ</t>
    </rPh>
    <phoneticPr fontId="4"/>
  </si>
  <si>
    <t>人　　  口 　　 と　 　 世 　　 帯</t>
    <phoneticPr fontId="6"/>
  </si>
  <si>
    <t>（注１） この調査は、令和２年国勢調査結果（確定値）を基礎として、これに毎月の住民基本台帳法及び戸籍法の定めによる月間届出数を</t>
    <rPh sb="22" eb="24">
      <t>カクテイ</t>
    </rPh>
    <phoneticPr fontId="4"/>
  </si>
  <si>
    <t>（１ｋ㎡当たり）</t>
    <rPh sb="4" eb="5">
      <t>ア</t>
    </rPh>
    <phoneticPr fontId="3"/>
  </si>
  <si>
    <t>県計</t>
    <phoneticPr fontId="6"/>
  </si>
  <si>
    <t>市部計</t>
    <phoneticPr fontId="6"/>
  </si>
  <si>
    <t xml:space="preserve">   神奈川区</t>
    <phoneticPr fontId="6"/>
  </si>
  <si>
    <t>　保土ケ谷区</t>
    <phoneticPr fontId="6"/>
  </si>
  <si>
    <t xml:space="preserve"> 幸  区</t>
    <phoneticPr fontId="6"/>
  </si>
  <si>
    <t xml:space="preserve">  高津区</t>
    <phoneticPr fontId="6"/>
  </si>
  <si>
    <t>三浦郡葉山町</t>
    <phoneticPr fontId="6"/>
  </si>
  <si>
    <t>高座郡寒川町</t>
    <phoneticPr fontId="6"/>
  </si>
  <si>
    <t xml:space="preserve">   湯河原町</t>
    <phoneticPr fontId="6"/>
  </si>
  <si>
    <t>神奈川県人口統計調査結果「神奈川県の人口と世帯」</t>
    <phoneticPr fontId="4"/>
  </si>
  <si>
    <t>　　　　　加減し、毎月１日現在の県内市区町村別人口及び世帯数を推計したものです。</t>
    <phoneticPr fontId="4"/>
  </si>
  <si>
    <t>（注２） 人口密度は、令和４年12月19日公表の国土交通省国土地理院「全国都道府県市区町村別面積調（令和４年10月1日現在）」の数値</t>
    <phoneticPr fontId="4"/>
  </si>
  <si>
    <t>　　　　　に基づき算定したものです。</t>
    <phoneticPr fontId="4"/>
  </si>
  <si>
    <t>令和５年８月１日現在</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
    <numFmt numFmtId="176" formatCode="#,##0_ "/>
    <numFmt numFmtId="177" formatCode="#,##0.00_ "/>
  </numFmts>
  <fonts count="32">
    <font>
      <sz val="12"/>
      <color theme="1"/>
      <name val="ＭＳ 明朝"/>
      <family val="2"/>
      <charset val="128"/>
    </font>
    <font>
      <sz val="11"/>
      <name val="明朝"/>
      <family val="1"/>
      <charset val="128"/>
    </font>
    <font>
      <sz val="11"/>
      <name val="HGPｺﾞｼｯｸM"/>
      <family val="3"/>
      <charset val="128"/>
    </font>
    <font>
      <sz val="6"/>
      <name val="ＭＳ 明朝"/>
      <family val="2"/>
      <charset val="128"/>
    </font>
    <font>
      <sz val="6"/>
      <name val="明朝"/>
      <family val="1"/>
      <charset val="128"/>
    </font>
    <font>
      <b/>
      <sz val="11"/>
      <name val="HGPｺﾞｼｯｸM"/>
      <family val="3"/>
      <charset val="128"/>
    </font>
    <font>
      <sz val="6"/>
      <name val="ＭＳ Ｐ明朝"/>
      <family val="1"/>
      <charset val="128"/>
    </font>
    <font>
      <sz val="14"/>
      <name val="Terminal"/>
      <family val="3"/>
      <charset val="255"/>
    </font>
    <font>
      <sz val="12"/>
      <color theme="1"/>
      <name val="ＭＳ 明朝"/>
      <family val="2"/>
      <charset val="128"/>
    </font>
    <font>
      <sz val="11"/>
      <name val="HGPｺﾞｼｯｸE"/>
      <family val="3"/>
      <charset val="128"/>
    </font>
    <font>
      <sz val="12"/>
      <name val="HGPｺﾞｼｯｸM"/>
      <family val="3"/>
      <charset val="128"/>
    </font>
    <font>
      <sz val="10"/>
      <name val="HGPｺﾞｼｯｸM"/>
      <family val="3"/>
      <charset val="128"/>
    </font>
    <font>
      <sz val="20"/>
      <name val="HGPｺﾞｼｯｸM"/>
      <family val="3"/>
      <charset val="128"/>
    </font>
    <font>
      <sz val="18"/>
      <name val="HGPｺﾞｼｯｸM"/>
      <family val="3"/>
      <charset val="128"/>
    </font>
    <font>
      <sz val="16"/>
      <name val="HGPｺﾞｼｯｸM"/>
      <family val="3"/>
      <charset val="128"/>
    </font>
    <font>
      <sz val="14"/>
      <name val="HGPｺﾞｼｯｸM"/>
      <family val="3"/>
      <charset val="128"/>
    </font>
    <font>
      <sz val="11"/>
      <color theme="0"/>
      <name val="明朝"/>
      <family val="1"/>
      <charset val="128"/>
    </font>
    <font>
      <b/>
      <sz val="11"/>
      <color theme="0"/>
      <name val="HGPｺﾞｼｯｸM"/>
      <family val="3"/>
      <charset val="128"/>
    </font>
    <font>
      <sz val="11"/>
      <color theme="0"/>
      <name val="HGPｺﾞｼｯｸM"/>
      <family val="3"/>
      <charset val="128"/>
    </font>
    <font>
      <sz val="11"/>
      <name val="ＭＳ ゴシック"/>
      <family val="3"/>
      <charset val="128"/>
    </font>
    <font>
      <sz val="9"/>
      <name val="ＭＳ ゴシック"/>
      <family val="3"/>
      <charset val="128"/>
    </font>
    <font>
      <b/>
      <sz val="9"/>
      <name val="HGPｺﾞｼｯｸM"/>
      <family val="3"/>
      <charset val="128"/>
    </font>
    <font>
      <sz val="10"/>
      <name val="明朝"/>
      <family val="1"/>
      <charset val="128"/>
    </font>
    <font>
      <b/>
      <sz val="11"/>
      <name val="HGPｺﾞｼｯｸE"/>
      <family val="3"/>
      <charset val="128"/>
    </font>
    <font>
      <sz val="11"/>
      <color theme="1"/>
      <name val="HGPｺﾞｼｯｸM"/>
      <family val="3"/>
      <charset val="128"/>
    </font>
    <font>
      <sz val="11"/>
      <name val="ＭＳ Ｐゴシック"/>
      <family val="3"/>
      <charset val="128"/>
    </font>
    <font>
      <sz val="11"/>
      <color theme="1"/>
      <name val="ＭＳ Ｐゴシック"/>
      <family val="2"/>
      <scheme val="minor"/>
    </font>
    <font>
      <sz val="12"/>
      <name val="ＭＳ 明朝"/>
      <family val="1"/>
      <charset val="128"/>
    </font>
    <font>
      <sz val="11"/>
      <color theme="1"/>
      <name val="HGSｺﾞｼｯｸM"/>
      <family val="3"/>
      <charset val="128"/>
    </font>
    <font>
      <sz val="11"/>
      <color theme="1"/>
      <name val="明朝"/>
      <family val="1"/>
      <charset val="128"/>
    </font>
    <font>
      <sz val="22"/>
      <name val="HGPｺﾞｼｯｸM"/>
      <family val="3"/>
      <charset val="128"/>
    </font>
    <font>
      <sz val="11"/>
      <color theme="0"/>
      <name val="ＭＳ ゴシック"/>
      <family val="3"/>
      <charset val="128"/>
    </font>
  </fonts>
  <fills count="4">
    <fill>
      <patternFill patternType="none"/>
    </fill>
    <fill>
      <patternFill patternType="gray125"/>
    </fill>
    <fill>
      <patternFill patternType="solid">
        <fgColor theme="6" tint="0.39997558519241921"/>
        <bgColor indexed="64"/>
      </patternFill>
    </fill>
    <fill>
      <patternFill patternType="solid">
        <fgColor theme="5" tint="-0.249977111117893"/>
        <bgColor indexed="64"/>
      </patternFill>
    </fill>
  </fills>
  <borders count="31">
    <border>
      <left/>
      <right/>
      <top/>
      <bottom/>
      <diagonal/>
    </border>
    <border>
      <left/>
      <right/>
      <top style="medium">
        <color auto="1"/>
      </top>
      <bottom/>
      <diagonal/>
    </border>
    <border>
      <left style="thin">
        <color auto="1"/>
      </left>
      <right/>
      <top style="medium">
        <color auto="1"/>
      </top>
      <bottom/>
      <diagonal/>
    </border>
    <border>
      <left/>
      <right/>
      <top style="medium">
        <color auto="1"/>
      </top>
      <bottom style="thin">
        <color indexed="64"/>
      </bottom>
      <diagonal/>
    </border>
    <border>
      <left style="thin">
        <color auto="1"/>
      </left>
      <right/>
      <top/>
      <bottom/>
      <diagonal/>
    </border>
    <border>
      <left style="thin">
        <color indexed="64"/>
      </left>
      <right/>
      <top/>
      <bottom style="medium">
        <color indexed="64"/>
      </bottom>
      <diagonal/>
    </border>
    <border>
      <left style="medium">
        <color indexed="64"/>
      </left>
      <right/>
      <top style="medium">
        <color indexed="64"/>
      </top>
      <bottom/>
      <diagonal/>
    </border>
    <border>
      <left style="medium">
        <color indexed="8"/>
      </left>
      <right style="thin">
        <color indexed="64"/>
      </right>
      <top style="medium">
        <color indexed="64"/>
      </top>
      <bottom/>
      <diagonal/>
    </border>
    <border>
      <left style="thin">
        <color indexed="64"/>
      </left>
      <right/>
      <top style="medium">
        <color indexed="64"/>
      </top>
      <bottom style="thin">
        <color indexed="64"/>
      </bottom>
      <diagonal/>
    </border>
    <border>
      <left style="thin">
        <color indexed="64"/>
      </left>
      <right style="medium">
        <color indexed="64"/>
      </right>
      <top style="medium">
        <color indexed="64"/>
      </top>
      <bottom/>
      <diagonal/>
    </border>
    <border>
      <left style="medium">
        <color indexed="54"/>
      </left>
      <right/>
      <top/>
      <bottom/>
      <diagonal/>
    </border>
    <border>
      <left style="medium">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diagonal/>
    </border>
    <border>
      <left style="medium">
        <color indexed="8"/>
      </left>
      <right/>
      <top/>
      <bottom/>
      <diagonal/>
    </border>
    <border>
      <left style="thin">
        <color indexed="64"/>
      </left>
      <right style="medium">
        <color indexed="64"/>
      </right>
      <top/>
      <bottom/>
      <diagonal/>
    </border>
    <border>
      <left style="thin">
        <color indexed="8"/>
      </left>
      <right/>
      <top/>
      <bottom/>
      <diagonal/>
    </border>
    <border>
      <left style="thin">
        <color indexed="8"/>
      </left>
      <right style="thin">
        <color indexed="8"/>
      </right>
      <top/>
      <bottom/>
      <diagonal/>
    </border>
    <border>
      <left/>
      <right style="thin">
        <color indexed="8"/>
      </right>
      <top/>
      <bottom/>
      <diagonal/>
    </border>
    <border>
      <left style="thin">
        <color indexed="8"/>
      </left>
      <right style="medium">
        <color indexed="8"/>
      </right>
      <top/>
      <bottom/>
      <diagonal/>
    </border>
    <border>
      <left/>
      <right style="medium">
        <color indexed="64"/>
      </right>
      <top/>
      <bottom/>
      <diagonal/>
    </border>
    <border>
      <left style="medium">
        <color indexed="8"/>
      </left>
      <right style="thin">
        <color indexed="64"/>
      </right>
      <top/>
      <bottom style="medium">
        <color indexed="64"/>
      </bottom>
      <diagonal/>
    </border>
    <border>
      <left/>
      <right style="medium">
        <color indexed="64"/>
      </right>
      <top/>
      <bottom style="medium">
        <color indexed="64"/>
      </bottom>
      <diagonal/>
    </border>
    <border>
      <left/>
      <right/>
      <top/>
      <bottom style="medium">
        <color indexed="64"/>
      </bottom>
      <diagonal/>
    </border>
    <border>
      <left style="medium">
        <color indexed="8"/>
      </left>
      <right/>
      <top/>
      <bottom style="medium">
        <color indexed="64"/>
      </bottom>
      <diagonal/>
    </border>
    <border>
      <left style="thin">
        <color indexed="8"/>
      </left>
      <right/>
      <top/>
      <bottom style="medium">
        <color indexed="64"/>
      </bottom>
      <diagonal/>
    </border>
    <border>
      <left style="thin">
        <color indexed="8"/>
      </left>
      <right style="thin">
        <color indexed="8"/>
      </right>
      <top/>
      <bottom style="medium">
        <color indexed="64"/>
      </bottom>
      <diagonal/>
    </border>
    <border>
      <left/>
      <right style="thin">
        <color indexed="8"/>
      </right>
      <top/>
      <bottom style="medium">
        <color indexed="64"/>
      </bottom>
      <diagonal/>
    </border>
    <border>
      <left style="thin">
        <color indexed="8"/>
      </left>
      <right style="medium">
        <color indexed="8"/>
      </right>
      <top/>
      <bottom style="medium">
        <color indexed="64"/>
      </bottom>
      <diagonal/>
    </border>
    <border>
      <left/>
      <right/>
      <top/>
      <bottom style="medium">
        <color indexed="54"/>
      </bottom>
      <diagonal/>
    </border>
    <border>
      <left/>
      <right/>
      <top/>
      <bottom style="medium">
        <color auto="1"/>
      </bottom>
      <diagonal/>
    </border>
  </borders>
  <cellStyleXfs count="10">
    <xf numFmtId="0" fontId="0" fillId="0" borderId="0">
      <alignment vertical="center"/>
    </xf>
    <xf numFmtId="0" fontId="1" fillId="0" borderId="0"/>
    <xf numFmtId="38" fontId="1" fillId="0" borderId="0" applyFont="0" applyFill="0" applyBorder="0" applyAlignment="0" applyProtection="0"/>
    <xf numFmtId="37" fontId="7" fillId="0" borderId="0"/>
    <xf numFmtId="0" fontId="8" fillId="0" borderId="0">
      <alignment vertical="center"/>
    </xf>
    <xf numFmtId="0" fontId="25" fillId="0" borderId="0"/>
    <xf numFmtId="0" fontId="26" fillId="0" borderId="0"/>
    <xf numFmtId="0" fontId="27" fillId="0" borderId="0">
      <alignment vertical="center"/>
    </xf>
    <xf numFmtId="38" fontId="27" fillId="0" borderId="0" applyFont="0" applyFill="0" applyBorder="0" applyAlignment="0" applyProtection="0">
      <alignment vertical="center"/>
    </xf>
    <xf numFmtId="0" fontId="8" fillId="0" borderId="0">
      <alignment vertical="center"/>
    </xf>
  </cellStyleXfs>
  <cellXfs count="99">
    <xf numFmtId="0" fontId="0" fillId="0" borderId="0" xfId="0">
      <alignment vertical="center"/>
    </xf>
    <xf numFmtId="37" fontId="1" fillId="0" borderId="0" xfId="3" applyFont="1"/>
    <xf numFmtId="37" fontId="13" fillId="0" borderId="0" xfId="3" applyFont="1" applyAlignment="1" applyProtection="1">
      <alignment horizontal="centerContinuous"/>
    </xf>
    <xf numFmtId="0" fontId="2" fillId="0" borderId="0" xfId="1" applyFont="1" applyAlignment="1">
      <alignment horizontal="centerContinuous"/>
    </xf>
    <xf numFmtId="37" fontId="2" fillId="0" borderId="0" xfId="3" applyFont="1" applyAlignment="1">
      <alignment horizontal="centerContinuous"/>
    </xf>
    <xf numFmtId="37" fontId="1" fillId="0" borderId="6" xfId="3" applyFont="1" applyBorder="1" applyAlignment="1">
      <alignment vertical="center"/>
    </xf>
    <xf numFmtId="37" fontId="1" fillId="0" borderId="10" xfId="3" applyFont="1" applyBorder="1"/>
    <xf numFmtId="37" fontId="1" fillId="0" borderId="11" xfId="3" applyFont="1" applyBorder="1" applyAlignment="1">
      <alignment vertical="center"/>
    </xf>
    <xf numFmtId="37" fontId="1" fillId="0" borderId="13" xfId="3" applyFont="1" applyBorder="1"/>
    <xf numFmtId="37" fontId="2" fillId="0" borderId="0" xfId="3" applyFont="1" applyBorder="1"/>
    <xf numFmtId="37" fontId="11" fillId="0" borderId="14" xfId="3" applyFont="1" applyBorder="1" applyAlignment="1" applyProtection="1">
      <alignment horizontal="right" vertical="top"/>
    </xf>
    <xf numFmtId="37" fontId="11" fillId="0" borderId="4" xfId="3" applyFont="1" applyBorder="1" applyAlignment="1" applyProtection="1">
      <alignment horizontal="right" vertical="top"/>
    </xf>
    <xf numFmtId="37" fontId="11" fillId="0" borderId="15" xfId="3" applyFont="1" applyBorder="1" applyAlignment="1" applyProtection="1">
      <alignment horizontal="right" vertical="top"/>
    </xf>
    <xf numFmtId="37" fontId="16" fillId="3" borderId="13" xfId="3" applyFont="1" applyFill="1" applyBorder="1" applyAlignment="1">
      <alignment vertical="center"/>
    </xf>
    <xf numFmtId="37" fontId="17" fillId="3" borderId="0" xfId="3" applyFont="1" applyFill="1" applyBorder="1" applyAlignment="1" applyProtection="1">
      <alignment horizontal="distributed" vertical="center"/>
    </xf>
    <xf numFmtId="176" fontId="18" fillId="3" borderId="14" xfId="3" applyNumberFormat="1" applyFont="1" applyFill="1" applyBorder="1" applyAlignment="1" applyProtection="1">
      <alignment vertical="center"/>
    </xf>
    <xf numFmtId="176" fontId="18" fillId="3" borderId="16" xfId="3" applyNumberFormat="1" applyFont="1" applyFill="1" applyBorder="1" applyAlignment="1" applyProtection="1">
      <alignment vertical="center"/>
    </xf>
    <xf numFmtId="176" fontId="18" fillId="3" borderId="17" xfId="3" applyNumberFormat="1" applyFont="1" applyFill="1" applyBorder="1" applyAlignment="1" applyProtection="1">
      <alignment vertical="center"/>
    </xf>
    <xf numFmtId="177" fontId="18" fillId="3" borderId="18" xfId="3" applyNumberFormat="1" applyFont="1" applyFill="1" applyBorder="1" applyAlignment="1" applyProtection="1">
      <alignment vertical="center"/>
    </xf>
    <xf numFmtId="176" fontId="18" fillId="3" borderId="19" xfId="3" applyNumberFormat="1" applyFont="1" applyFill="1" applyBorder="1" applyAlignment="1" applyProtection="1">
      <alignment vertical="center"/>
    </xf>
    <xf numFmtId="37" fontId="1" fillId="0" borderId="0" xfId="3" applyFont="1" applyBorder="1"/>
    <xf numFmtId="37" fontId="1" fillId="0" borderId="13" xfId="3" applyFont="1" applyBorder="1" applyAlignment="1">
      <alignment vertical="center"/>
    </xf>
    <xf numFmtId="37" fontId="5" fillId="0" borderId="0" xfId="3" applyFont="1" applyBorder="1" applyAlignment="1" applyProtection="1">
      <alignment horizontal="distributed" vertical="center"/>
    </xf>
    <xf numFmtId="176" fontId="2" fillId="0" borderId="14" xfId="3" applyNumberFormat="1" applyFont="1" applyBorder="1" applyAlignment="1" applyProtection="1">
      <alignment vertical="center"/>
    </xf>
    <xf numFmtId="176" fontId="2" fillId="0" borderId="16" xfId="3" applyNumberFormat="1" applyFont="1" applyBorder="1" applyAlignment="1" applyProtection="1">
      <alignment vertical="center"/>
    </xf>
    <xf numFmtId="176" fontId="2" fillId="0" borderId="17" xfId="3" applyNumberFormat="1" applyFont="1" applyBorder="1" applyAlignment="1" applyProtection="1">
      <alignment vertical="center"/>
    </xf>
    <xf numFmtId="177" fontId="2" fillId="0" borderId="18" xfId="3" applyNumberFormat="1" applyFont="1" applyBorder="1" applyAlignment="1" applyProtection="1">
      <alignment vertical="center"/>
    </xf>
    <xf numFmtId="176" fontId="2" fillId="0" borderId="19" xfId="3" applyNumberFormat="1" applyFont="1" applyBorder="1" applyAlignment="1" applyProtection="1">
      <alignment vertical="center"/>
    </xf>
    <xf numFmtId="37" fontId="5" fillId="0" borderId="0" xfId="3" applyFont="1" applyBorder="1" applyAlignment="1">
      <alignment horizontal="distributed" vertical="center"/>
    </xf>
    <xf numFmtId="176" fontId="5" fillId="0" borderId="14" xfId="3" applyNumberFormat="1" applyFont="1" applyBorder="1" applyAlignment="1" applyProtection="1">
      <alignment vertical="center"/>
    </xf>
    <xf numFmtId="176" fontId="5" fillId="0" borderId="16" xfId="3" applyNumberFormat="1" applyFont="1" applyBorder="1" applyAlignment="1" applyProtection="1">
      <alignment vertical="center"/>
    </xf>
    <xf numFmtId="176" fontId="5" fillId="0" borderId="17" xfId="3" applyNumberFormat="1" applyFont="1" applyBorder="1" applyAlignment="1" applyProtection="1">
      <alignment vertical="center"/>
    </xf>
    <xf numFmtId="177" fontId="5" fillId="0" borderId="18" xfId="3" applyNumberFormat="1" applyFont="1" applyBorder="1" applyAlignment="1" applyProtection="1">
      <alignment vertical="center"/>
    </xf>
    <xf numFmtId="176" fontId="5" fillId="0" borderId="19" xfId="3" applyNumberFormat="1" applyFont="1" applyBorder="1" applyAlignment="1" applyProtection="1">
      <alignment vertical="center"/>
    </xf>
    <xf numFmtId="37" fontId="1" fillId="2" borderId="13" xfId="3" applyFont="1" applyFill="1" applyBorder="1" applyAlignment="1">
      <alignment vertical="center"/>
    </xf>
    <xf numFmtId="37" fontId="5" fillId="2" borderId="0" xfId="3" applyFont="1" applyFill="1" applyBorder="1" applyAlignment="1" applyProtection="1">
      <alignment horizontal="distributed" vertical="center"/>
    </xf>
    <xf numFmtId="176" fontId="2" fillId="2" borderId="14" xfId="3" applyNumberFormat="1" applyFont="1" applyFill="1" applyBorder="1" applyAlignment="1" applyProtection="1">
      <alignment vertical="center"/>
    </xf>
    <xf numFmtId="176" fontId="2" fillId="2" borderId="16" xfId="3" applyNumberFormat="1" applyFont="1" applyFill="1" applyBorder="1" applyAlignment="1" applyProtection="1">
      <alignment vertical="center"/>
    </xf>
    <xf numFmtId="176" fontId="2" fillId="2" borderId="17" xfId="3" applyNumberFormat="1" applyFont="1" applyFill="1" applyBorder="1" applyAlignment="1" applyProtection="1">
      <alignment vertical="center"/>
    </xf>
    <xf numFmtId="177" fontId="2" fillId="2" borderId="18" xfId="3" applyNumberFormat="1" applyFont="1" applyFill="1" applyBorder="1" applyAlignment="1" applyProtection="1">
      <alignment vertical="center"/>
    </xf>
    <xf numFmtId="176" fontId="2" fillId="2" borderId="19" xfId="3" applyNumberFormat="1" applyFont="1" applyFill="1" applyBorder="1" applyAlignment="1" applyProtection="1">
      <alignment vertical="center"/>
    </xf>
    <xf numFmtId="37" fontId="19" fillId="0" borderId="0" xfId="3" applyFont="1" applyBorder="1" applyAlignment="1" applyProtection="1">
      <alignment horizontal="distributed" vertical="center"/>
    </xf>
    <xf numFmtId="37" fontId="20" fillId="0" borderId="0" xfId="3" applyFont="1" applyBorder="1" applyAlignment="1" applyProtection="1">
      <alignment horizontal="distributed" vertical="center"/>
    </xf>
    <xf numFmtId="37" fontId="0" fillId="0" borderId="0" xfId="3" applyFont="1"/>
    <xf numFmtId="37" fontId="21" fillId="0" borderId="0" xfId="3" applyFont="1" applyBorder="1" applyAlignment="1" applyProtection="1">
      <alignment horizontal="distributed" vertical="center"/>
    </xf>
    <xf numFmtId="37" fontId="22" fillId="0" borderId="0" xfId="3" applyFont="1"/>
    <xf numFmtId="37" fontId="2" fillId="2" borderId="0" xfId="3" applyFont="1" applyFill="1" applyBorder="1" applyAlignment="1" applyProtection="1">
      <alignment horizontal="distributed" vertical="center"/>
    </xf>
    <xf numFmtId="37" fontId="2" fillId="0" borderId="0" xfId="3" applyFont="1" applyBorder="1" applyAlignment="1" applyProtection="1">
      <alignment horizontal="distributed" vertical="center"/>
    </xf>
    <xf numFmtId="37" fontId="2" fillId="0" borderId="0" xfId="3" applyFont="1"/>
    <xf numFmtId="37" fontId="9" fillId="0" borderId="13" xfId="3" applyFont="1" applyBorder="1" applyAlignment="1">
      <alignment vertical="center"/>
    </xf>
    <xf numFmtId="37" fontId="23" fillId="0" borderId="20" xfId="3" applyFont="1" applyBorder="1" applyAlignment="1" applyProtection="1">
      <alignment horizontal="distributed" vertical="center"/>
    </xf>
    <xf numFmtId="37" fontId="9" fillId="0" borderId="13" xfId="3" applyFont="1" applyBorder="1"/>
    <xf numFmtId="37" fontId="9" fillId="0" borderId="20" xfId="3" applyFont="1" applyBorder="1" applyAlignment="1" applyProtection="1">
      <alignment horizontal="distributed" vertical="center"/>
    </xf>
    <xf numFmtId="37" fontId="9" fillId="2" borderId="13" xfId="3" applyFont="1" applyFill="1" applyBorder="1"/>
    <xf numFmtId="37" fontId="9" fillId="2" borderId="20" xfId="3" applyFont="1" applyFill="1" applyBorder="1" applyAlignment="1" applyProtection="1">
      <alignment horizontal="distributed" vertical="center"/>
    </xf>
    <xf numFmtId="37" fontId="9" fillId="0" borderId="11" xfId="3" applyFont="1" applyBorder="1"/>
    <xf numFmtId="176" fontId="2" fillId="0" borderId="11" xfId="3" applyNumberFormat="1" applyFont="1" applyBorder="1"/>
    <xf numFmtId="176" fontId="2" fillId="0" borderId="5" xfId="3" applyNumberFormat="1" applyFont="1" applyBorder="1"/>
    <xf numFmtId="176" fontId="2" fillId="0" borderId="12" xfId="3" applyNumberFormat="1" applyFont="1" applyBorder="1"/>
    <xf numFmtId="37" fontId="2" fillId="0" borderId="0" xfId="3" applyFont="1" applyAlignment="1">
      <alignment horizontal="right"/>
    </xf>
    <xf numFmtId="37" fontId="28" fillId="0" borderId="0" xfId="3" applyFont="1" applyAlignment="1">
      <alignment vertical="center"/>
    </xf>
    <xf numFmtId="37" fontId="24" fillId="0" borderId="0" xfId="3" applyFont="1" applyAlignment="1">
      <alignment vertical="center"/>
    </xf>
    <xf numFmtId="37" fontId="24" fillId="0" borderId="0" xfId="3" applyFont="1"/>
    <xf numFmtId="37" fontId="9" fillId="0" borderId="22" xfId="3" applyFont="1" applyBorder="1" applyAlignment="1">
      <alignment horizontal="distributed"/>
    </xf>
    <xf numFmtId="0" fontId="1" fillId="0" borderId="0" xfId="3" applyNumberFormat="1" applyFont="1"/>
    <xf numFmtId="37" fontId="12" fillId="0" borderId="0" xfId="3" applyFont="1" applyAlignment="1" applyProtection="1"/>
    <xf numFmtId="37" fontId="14" fillId="0" borderId="0" xfId="3" applyFont="1" applyBorder="1" applyAlignment="1">
      <alignment horizontal="centerContinuous"/>
    </xf>
    <xf numFmtId="37" fontId="29" fillId="0" borderId="0" xfId="3" applyFont="1" applyAlignment="1">
      <alignment vertical="center"/>
    </xf>
    <xf numFmtId="37" fontId="2" fillId="0" borderId="1" xfId="3" applyFont="1" applyBorder="1" applyAlignment="1">
      <alignment vertical="center"/>
    </xf>
    <xf numFmtId="37" fontId="2" fillId="0" borderId="8" xfId="3" applyFont="1" applyBorder="1" applyAlignment="1" applyProtection="1">
      <alignment horizontal="right" vertical="center"/>
    </xf>
    <xf numFmtId="37" fontId="2" fillId="0" borderId="3" xfId="3" applyFont="1" applyBorder="1" applyAlignment="1">
      <alignment vertical="center"/>
    </xf>
    <xf numFmtId="37" fontId="2" fillId="0" borderId="3" xfId="3" applyFont="1" applyBorder="1" applyAlignment="1" applyProtection="1">
      <alignment horizontal="left" vertical="center"/>
    </xf>
    <xf numFmtId="37" fontId="2" fillId="0" borderId="8" xfId="3" applyFont="1" applyBorder="1" applyAlignment="1" applyProtection="1">
      <alignment horizontal="centerContinuous" vertical="center"/>
    </xf>
    <xf numFmtId="37" fontId="2" fillId="0" borderId="3" xfId="3" applyFont="1" applyBorder="1" applyAlignment="1">
      <alignment horizontal="centerContinuous" vertical="center"/>
    </xf>
    <xf numFmtId="37" fontId="2" fillId="0" borderId="2" xfId="3" applyFont="1" applyBorder="1" applyAlignment="1" applyProtection="1">
      <alignment horizontal="center" vertical="center"/>
    </xf>
    <xf numFmtId="37" fontId="2" fillId="0" borderId="9" xfId="3" applyFont="1" applyBorder="1" applyAlignment="1" applyProtection="1">
      <alignment horizontal="center" vertical="center"/>
    </xf>
    <xf numFmtId="37" fontId="2" fillId="0" borderId="5" xfId="3" applyFont="1" applyBorder="1" applyAlignment="1" applyProtection="1">
      <alignment horizontal="center" vertical="center"/>
    </xf>
    <xf numFmtId="37" fontId="11" fillId="0" borderId="12" xfId="3" applyFont="1" applyBorder="1" applyAlignment="1" applyProtection="1">
      <alignment horizontal="center" vertical="center"/>
    </xf>
    <xf numFmtId="37" fontId="30" fillId="0" borderId="0" xfId="3" applyFont="1" applyAlignment="1" applyProtection="1">
      <alignment horizontal="center"/>
    </xf>
    <xf numFmtId="37" fontId="31" fillId="3" borderId="0" xfId="3" applyFont="1" applyFill="1" applyBorder="1" applyAlignment="1" applyProtection="1">
      <alignment horizontal="distributed" vertical="center"/>
    </xf>
    <xf numFmtId="37" fontId="19" fillId="0" borderId="0" xfId="3" applyFont="1" applyBorder="1" applyAlignment="1">
      <alignment horizontal="distributed" vertical="center"/>
    </xf>
    <xf numFmtId="37" fontId="19" fillId="2" borderId="0" xfId="3" applyFont="1" applyFill="1" applyBorder="1" applyAlignment="1" applyProtection="1">
      <alignment horizontal="distributed" vertical="center"/>
    </xf>
    <xf numFmtId="37" fontId="19" fillId="0" borderId="23" xfId="3" applyFont="1" applyBorder="1" applyAlignment="1" applyProtection="1">
      <alignment horizontal="distributed" vertical="center"/>
    </xf>
    <xf numFmtId="37" fontId="5" fillId="0" borderId="23" xfId="3" applyFont="1" applyBorder="1" applyAlignment="1" applyProtection="1">
      <alignment horizontal="distributed" vertical="center"/>
    </xf>
    <xf numFmtId="176" fontId="2" fillId="0" borderId="24" xfId="3" applyNumberFormat="1" applyFont="1" applyBorder="1" applyAlignment="1" applyProtection="1">
      <alignment vertical="center"/>
    </xf>
    <xf numFmtId="176" fontId="2" fillId="0" borderId="25" xfId="3" applyNumberFormat="1" applyFont="1" applyBorder="1" applyAlignment="1" applyProtection="1">
      <alignment vertical="center"/>
    </xf>
    <xf numFmtId="176" fontId="2" fillId="0" borderId="26" xfId="3" applyNumberFormat="1" applyFont="1" applyBorder="1" applyAlignment="1" applyProtection="1">
      <alignment vertical="center"/>
    </xf>
    <xf numFmtId="177" fontId="2" fillId="0" borderId="27" xfId="3" applyNumberFormat="1" applyFont="1" applyBorder="1" applyAlignment="1" applyProtection="1">
      <alignment vertical="center"/>
    </xf>
    <xf numFmtId="176" fontId="2" fillId="0" borderId="28" xfId="3" applyNumberFormat="1" applyFont="1" applyBorder="1" applyAlignment="1" applyProtection="1">
      <alignment vertical="center"/>
    </xf>
    <xf numFmtId="37" fontId="15" fillId="0" borderId="29" xfId="3" applyFont="1" applyBorder="1" applyAlignment="1" applyProtection="1">
      <alignment horizontal="left"/>
      <protection locked="0"/>
    </xf>
    <xf numFmtId="37" fontId="10" fillId="0" borderId="29" xfId="3" applyFont="1" applyBorder="1" applyAlignment="1" applyProtection="1">
      <alignment horizontal="left"/>
      <protection locked="0"/>
    </xf>
    <xf numFmtId="37" fontId="2" fillId="0" borderId="29" xfId="3" applyFont="1" applyBorder="1"/>
    <xf numFmtId="37" fontId="2" fillId="0" borderId="29" xfId="3" applyFont="1" applyBorder="1" applyAlignment="1">
      <alignment horizontal="right"/>
    </xf>
    <xf numFmtId="37" fontId="2" fillId="0" borderId="30" xfId="3" applyFont="1" applyBorder="1" applyAlignment="1" applyProtection="1">
      <alignment horizontal="center" vertical="center"/>
    </xf>
    <xf numFmtId="37" fontId="9" fillId="0" borderId="30" xfId="3" applyFont="1" applyBorder="1" applyAlignment="1">
      <alignment horizontal="distributed"/>
    </xf>
    <xf numFmtId="37" fontId="2" fillId="0" borderId="1" xfId="3" applyFont="1" applyBorder="1" applyAlignment="1" applyProtection="1">
      <alignment horizontal="distributed" vertical="center"/>
    </xf>
    <xf numFmtId="0" fontId="2" fillId="0" borderId="30" xfId="1" applyFont="1" applyBorder="1" applyAlignment="1">
      <alignment horizontal="distributed" vertical="center"/>
    </xf>
    <xf numFmtId="37" fontId="2" fillId="0" borderId="7" xfId="3" applyFont="1" applyBorder="1" applyAlignment="1" applyProtection="1">
      <alignment horizontal="center" vertical="center"/>
    </xf>
    <xf numFmtId="0" fontId="2" fillId="0" borderId="21" xfId="1" applyFont="1" applyBorder="1" applyAlignment="1">
      <alignment vertical="center"/>
    </xf>
  </cellXfs>
  <cellStyles count="10">
    <cellStyle name="桁区切り 2" xfId="2"/>
    <cellStyle name="桁区切り 3" xfId="8"/>
    <cellStyle name="標準" xfId="0" builtinId="0"/>
    <cellStyle name="標準 2" xfId="1"/>
    <cellStyle name="標準 2 2" xfId="5"/>
    <cellStyle name="標準 3" xfId="4"/>
    <cellStyle name="標準 3 2" xfId="9"/>
    <cellStyle name="標準 4" xfId="6"/>
    <cellStyle name="標準 5" xfId="7"/>
    <cellStyle name="標準_月報１" xfId="3"/>
  </cellStyles>
  <dxfs count="0"/>
  <tableStyles count="0" defaultTableStyle="TableStyleMedium2" defaultPivotStyle="PivotStyleLight16"/>
  <colors>
    <mruColors>
      <color rgb="FF663300"/>
      <color rgb="FFA50021"/>
      <color rgb="FF990033"/>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A83"/>
  <sheetViews>
    <sheetView tabSelected="1" view="pageBreakPreview" zoomScale="85" zoomScaleNormal="100" zoomScaleSheetLayoutView="85" workbookViewId="0"/>
  </sheetViews>
  <sheetFormatPr defaultRowHeight="14.25"/>
  <cols>
    <col min="1" max="1" width="1.625" style="1" customWidth="1"/>
    <col min="2" max="2" width="11.625" style="48" customWidth="1"/>
    <col min="3" max="3" width="1.625" style="48" customWidth="1"/>
    <col min="4" max="7" width="12.625" style="48" customWidth="1"/>
    <col min="8" max="12" width="10.625" style="48" customWidth="1"/>
  </cols>
  <sheetData>
    <row r="1" spans="1:27" s="1" customFormat="1" ht="25.5">
      <c r="A1" s="65"/>
      <c r="C1" s="2"/>
      <c r="D1" s="3"/>
      <c r="E1" s="4"/>
      <c r="F1" s="4"/>
      <c r="G1" s="78" t="s">
        <v>75</v>
      </c>
      <c r="H1" s="4"/>
      <c r="I1" s="4"/>
      <c r="J1" s="4"/>
      <c r="K1" s="4"/>
      <c r="L1" s="66"/>
    </row>
    <row r="2" spans="1:27" s="1" customFormat="1" ht="13.5">
      <c r="B2" s="48"/>
      <c r="C2" s="48"/>
      <c r="D2" s="48"/>
      <c r="E2" s="48"/>
      <c r="F2" s="48"/>
      <c r="G2" s="48"/>
      <c r="H2" s="48"/>
      <c r="I2" s="48"/>
      <c r="J2" s="48"/>
      <c r="K2" s="48"/>
      <c r="L2" s="48"/>
    </row>
    <row r="3" spans="1:27" s="1" customFormat="1" ht="21.95" customHeight="1" thickBot="1">
      <c r="B3" s="89" t="s">
        <v>91</v>
      </c>
      <c r="C3" s="90"/>
      <c r="D3" s="91"/>
      <c r="E3" s="91"/>
      <c r="F3" s="91"/>
      <c r="G3" s="91"/>
      <c r="H3" s="91"/>
      <c r="I3" s="91"/>
      <c r="J3" s="91"/>
      <c r="K3" s="91"/>
      <c r="L3" s="92" t="s">
        <v>74</v>
      </c>
      <c r="N3" s="64"/>
      <c r="P3"/>
      <c r="Q3"/>
      <c r="R3"/>
      <c r="S3"/>
      <c r="T3"/>
      <c r="U3"/>
      <c r="V3"/>
      <c r="W3"/>
      <c r="X3"/>
      <c r="Y3"/>
      <c r="Z3"/>
      <c r="AA3"/>
    </row>
    <row r="4" spans="1:27" s="1" customFormat="1" ht="18" customHeight="1">
      <c r="A4" s="5"/>
      <c r="B4" s="95" t="s">
        <v>73</v>
      </c>
      <c r="C4" s="68"/>
      <c r="D4" s="97" t="s">
        <v>30</v>
      </c>
      <c r="E4" s="69" t="s">
        <v>5</v>
      </c>
      <c r="F4" s="70"/>
      <c r="G4" s="71" t="s">
        <v>31</v>
      </c>
      <c r="H4" s="72" t="s">
        <v>32</v>
      </c>
      <c r="I4" s="73"/>
      <c r="J4" s="73"/>
      <c r="K4" s="74" t="s">
        <v>33</v>
      </c>
      <c r="L4" s="75" t="s">
        <v>2</v>
      </c>
      <c r="M4" s="6"/>
      <c r="P4"/>
      <c r="Q4"/>
      <c r="R4"/>
      <c r="S4"/>
      <c r="T4"/>
      <c r="U4"/>
      <c r="V4"/>
      <c r="W4"/>
      <c r="X4"/>
      <c r="Y4"/>
      <c r="Z4"/>
      <c r="AA4"/>
    </row>
    <row r="5" spans="1:27" s="1" customFormat="1" ht="18" customHeight="1" thickBot="1">
      <c r="A5" s="7"/>
      <c r="B5" s="96"/>
      <c r="C5" s="93"/>
      <c r="D5" s="98"/>
      <c r="E5" s="76" t="s">
        <v>34</v>
      </c>
      <c r="F5" s="76" t="s">
        <v>3</v>
      </c>
      <c r="G5" s="76" t="s">
        <v>4</v>
      </c>
      <c r="H5" s="76" t="s">
        <v>35</v>
      </c>
      <c r="I5" s="76" t="s">
        <v>0</v>
      </c>
      <c r="J5" s="76" t="s">
        <v>1</v>
      </c>
      <c r="K5" s="76" t="s">
        <v>36</v>
      </c>
      <c r="L5" s="77" t="s">
        <v>77</v>
      </c>
      <c r="M5" s="6"/>
      <c r="P5"/>
      <c r="Q5"/>
      <c r="R5"/>
      <c r="S5"/>
      <c r="T5"/>
      <c r="U5"/>
      <c r="V5"/>
      <c r="W5"/>
      <c r="X5"/>
      <c r="Y5"/>
      <c r="Z5"/>
      <c r="AA5"/>
    </row>
    <row r="6" spans="1:27" s="1" customFormat="1" ht="18" customHeight="1">
      <c r="A6" s="8"/>
      <c r="B6" s="9"/>
      <c r="C6" s="9"/>
      <c r="D6" s="10" t="s">
        <v>6</v>
      </c>
      <c r="E6" s="11" t="s">
        <v>5</v>
      </c>
      <c r="F6" s="11" t="s">
        <v>5</v>
      </c>
      <c r="G6" s="11" t="s">
        <v>5</v>
      </c>
      <c r="H6" s="11" t="s">
        <v>5</v>
      </c>
      <c r="I6" s="11" t="s">
        <v>5</v>
      </c>
      <c r="J6" s="11" t="s">
        <v>5</v>
      </c>
      <c r="K6" s="11" t="s">
        <v>5</v>
      </c>
      <c r="L6" s="12" t="s">
        <v>5</v>
      </c>
      <c r="M6" s="6"/>
      <c r="N6"/>
      <c r="P6"/>
      <c r="Q6"/>
      <c r="R6"/>
      <c r="S6"/>
      <c r="T6"/>
      <c r="U6"/>
      <c r="V6"/>
      <c r="W6"/>
      <c r="X6"/>
      <c r="Y6"/>
      <c r="Z6"/>
      <c r="AA6"/>
    </row>
    <row r="7" spans="1:27" s="1" customFormat="1" ht="24" customHeight="1">
      <c r="A7" s="13"/>
      <c r="B7" s="79" t="s">
        <v>78</v>
      </c>
      <c r="C7" s="14"/>
      <c r="D7" s="15">
        <v>4349546</v>
      </c>
      <c r="E7" s="16">
        <v>9232904</v>
      </c>
      <c r="F7" s="17">
        <v>4576726</v>
      </c>
      <c r="G7" s="17">
        <v>4656178</v>
      </c>
      <c r="H7" s="17">
        <v>-641</v>
      </c>
      <c r="I7" s="17">
        <v>-2568</v>
      </c>
      <c r="J7" s="17">
        <v>1927</v>
      </c>
      <c r="K7" s="18">
        <v>2.1227282111742238</v>
      </c>
      <c r="L7" s="19">
        <v>3821.0601244868226</v>
      </c>
      <c r="M7" s="20"/>
      <c r="N7" s="64"/>
      <c r="P7"/>
      <c r="Q7"/>
      <c r="R7"/>
      <c r="S7"/>
      <c r="T7"/>
      <c r="U7"/>
      <c r="V7"/>
      <c r="W7"/>
      <c r="X7"/>
      <c r="Y7"/>
      <c r="Z7"/>
      <c r="AA7"/>
    </row>
    <row r="8" spans="1:27" s="1" customFormat="1" ht="24" customHeight="1">
      <c r="A8" s="21"/>
      <c r="B8" s="41" t="s">
        <v>79</v>
      </c>
      <c r="C8" s="22"/>
      <c r="D8" s="23">
        <v>4225843</v>
      </c>
      <c r="E8" s="24">
        <v>8947989</v>
      </c>
      <c r="F8" s="25">
        <v>4436679</v>
      </c>
      <c r="G8" s="25">
        <v>4511310</v>
      </c>
      <c r="H8" s="25">
        <v>-571</v>
      </c>
      <c r="I8" s="25">
        <v>-2377</v>
      </c>
      <c r="J8" s="25">
        <v>1806</v>
      </c>
      <c r="K8" s="26">
        <v>2.117444732329147</v>
      </c>
      <c r="L8" s="27">
        <v>4943.5857062352907</v>
      </c>
      <c r="M8" s="20"/>
      <c r="N8" s="64"/>
      <c r="P8"/>
      <c r="Q8"/>
      <c r="R8"/>
      <c r="S8"/>
      <c r="T8"/>
      <c r="U8"/>
      <c r="V8"/>
      <c r="W8"/>
      <c r="X8"/>
      <c r="Y8"/>
      <c r="Z8"/>
      <c r="AA8"/>
    </row>
    <row r="9" spans="1:27" s="1" customFormat="1" ht="24" customHeight="1">
      <c r="A9" s="21"/>
      <c r="B9" s="41" t="s">
        <v>23</v>
      </c>
      <c r="C9" s="22"/>
      <c r="D9" s="23">
        <v>123703</v>
      </c>
      <c r="E9" s="24">
        <v>284915</v>
      </c>
      <c r="F9" s="25">
        <v>140047</v>
      </c>
      <c r="G9" s="25">
        <v>144868</v>
      </c>
      <c r="H9" s="25">
        <v>-70</v>
      </c>
      <c r="I9" s="25">
        <v>-191</v>
      </c>
      <c r="J9" s="25">
        <v>121</v>
      </c>
      <c r="K9" s="26">
        <v>2.3032181919597745</v>
      </c>
      <c r="L9" s="27">
        <v>469.91637940987289</v>
      </c>
      <c r="M9" s="20"/>
      <c r="N9"/>
      <c r="P9"/>
      <c r="Q9"/>
      <c r="R9"/>
      <c r="S9"/>
      <c r="T9"/>
      <c r="U9"/>
      <c r="V9"/>
      <c r="W9"/>
      <c r="X9"/>
      <c r="Y9"/>
      <c r="Z9"/>
      <c r="AA9"/>
    </row>
    <row r="10" spans="1:27" s="1" customFormat="1" ht="24" customHeight="1">
      <c r="A10" s="21"/>
      <c r="B10" s="80"/>
      <c r="C10" s="28"/>
      <c r="D10" s="29"/>
      <c r="E10" s="30"/>
      <c r="F10" s="31"/>
      <c r="G10" s="31"/>
      <c r="H10" s="31"/>
      <c r="I10" s="31"/>
      <c r="J10" s="31"/>
      <c r="K10" s="32"/>
      <c r="L10" s="33"/>
      <c r="M10" s="20"/>
    </row>
    <row r="11" spans="1:27" s="1" customFormat="1" ht="24" customHeight="1">
      <c r="A11" s="34"/>
      <c r="B11" s="81" t="s">
        <v>24</v>
      </c>
      <c r="C11" s="35"/>
      <c r="D11" s="36">
        <v>1798832</v>
      </c>
      <c r="E11" s="37">
        <v>3773403</v>
      </c>
      <c r="F11" s="38">
        <v>1860777</v>
      </c>
      <c r="G11" s="38">
        <v>1912626</v>
      </c>
      <c r="H11" s="38">
        <v>-199</v>
      </c>
      <c r="I11" s="38">
        <v>-852</v>
      </c>
      <c r="J11" s="38">
        <v>653</v>
      </c>
      <c r="K11" s="39">
        <v>2.0976961717381055</v>
      </c>
      <c r="L11" s="40">
        <v>8614.8786557384537</v>
      </c>
      <c r="M11" s="20"/>
    </row>
    <row r="12" spans="1:27" s="1" customFormat="1" ht="24" customHeight="1">
      <c r="A12" s="21"/>
      <c r="B12" s="41" t="s">
        <v>37</v>
      </c>
      <c r="C12" s="22"/>
      <c r="D12" s="23">
        <v>148499</v>
      </c>
      <c r="E12" s="24">
        <v>295978</v>
      </c>
      <c r="F12" s="25">
        <v>152808</v>
      </c>
      <c r="G12" s="25">
        <v>143170</v>
      </c>
      <c r="H12" s="25">
        <v>62</v>
      </c>
      <c r="I12" s="25">
        <v>-23</v>
      </c>
      <c r="J12" s="25">
        <v>85</v>
      </c>
      <c r="K12" s="26">
        <v>1.9931312668772181</v>
      </c>
      <c r="L12" s="27">
        <v>8909.6327513546057</v>
      </c>
      <c r="M12" s="20"/>
    </row>
    <row r="13" spans="1:27" s="1" customFormat="1" ht="24" customHeight="1">
      <c r="A13" s="21"/>
      <c r="B13" s="42" t="s">
        <v>80</v>
      </c>
      <c r="C13" s="22"/>
      <c r="D13" s="23">
        <v>133552</v>
      </c>
      <c r="E13" s="24">
        <v>249514</v>
      </c>
      <c r="F13" s="25">
        <v>127010</v>
      </c>
      <c r="G13" s="25">
        <v>122504</v>
      </c>
      <c r="H13" s="25">
        <v>-48</v>
      </c>
      <c r="I13" s="25">
        <v>-39</v>
      </c>
      <c r="J13" s="25">
        <v>-9</v>
      </c>
      <c r="K13" s="26">
        <v>1.8682910027554811</v>
      </c>
      <c r="L13" s="27">
        <v>10514.707121786767</v>
      </c>
      <c r="M13" s="20"/>
    </row>
    <row r="14" spans="1:27" s="1" customFormat="1" ht="24" customHeight="1">
      <c r="A14" s="21"/>
      <c r="B14" s="41" t="s">
        <v>38</v>
      </c>
      <c r="C14" s="22"/>
      <c r="D14" s="23">
        <v>59200</v>
      </c>
      <c r="E14" s="24">
        <v>106355</v>
      </c>
      <c r="F14" s="25">
        <v>53797</v>
      </c>
      <c r="G14" s="25">
        <v>52558</v>
      </c>
      <c r="H14" s="25">
        <v>-87</v>
      </c>
      <c r="I14" s="25">
        <v>-15</v>
      </c>
      <c r="J14" s="25">
        <v>-72</v>
      </c>
      <c r="K14" s="26">
        <v>1.7965371621621622</v>
      </c>
      <c r="L14" s="27">
        <v>15128.73399715505</v>
      </c>
      <c r="M14" s="20"/>
      <c r="N14" s="43"/>
    </row>
    <row r="15" spans="1:27" s="1" customFormat="1" ht="24" customHeight="1">
      <c r="A15" s="21"/>
      <c r="B15" s="41" t="s">
        <v>39</v>
      </c>
      <c r="C15" s="22"/>
      <c r="D15" s="23">
        <v>87281</v>
      </c>
      <c r="E15" s="24">
        <v>151686</v>
      </c>
      <c r="F15" s="25">
        <v>76914</v>
      </c>
      <c r="G15" s="25">
        <v>74772</v>
      </c>
      <c r="H15" s="25">
        <v>-34</v>
      </c>
      <c r="I15" s="25">
        <v>-75</v>
      </c>
      <c r="J15" s="25">
        <v>41</v>
      </c>
      <c r="K15" s="26">
        <v>1.7379040111822734</v>
      </c>
      <c r="L15" s="27">
        <v>6977.2769089236435</v>
      </c>
      <c r="M15" s="20"/>
    </row>
    <row r="16" spans="1:27" s="1" customFormat="1" ht="24" customHeight="1">
      <c r="A16" s="21"/>
      <c r="B16" s="41" t="s">
        <v>40</v>
      </c>
      <c r="C16" s="22"/>
      <c r="D16" s="23">
        <v>107866</v>
      </c>
      <c r="E16" s="24">
        <v>199059</v>
      </c>
      <c r="F16" s="25">
        <v>99316</v>
      </c>
      <c r="G16" s="25">
        <v>99743</v>
      </c>
      <c r="H16" s="25">
        <v>79</v>
      </c>
      <c r="I16" s="25">
        <v>-102</v>
      </c>
      <c r="J16" s="25">
        <v>181</v>
      </c>
      <c r="K16" s="26">
        <v>1.8454285873213061</v>
      </c>
      <c r="L16" s="27">
        <v>15735.88932806324</v>
      </c>
      <c r="M16" s="20"/>
    </row>
    <row r="17" spans="1:13" s="1" customFormat="1" ht="24" customHeight="1">
      <c r="A17" s="21"/>
      <c r="B17" s="41" t="s">
        <v>41</v>
      </c>
      <c r="C17" s="22"/>
      <c r="D17" s="23">
        <v>97512</v>
      </c>
      <c r="E17" s="24">
        <v>214001</v>
      </c>
      <c r="F17" s="25">
        <v>103989</v>
      </c>
      <c r="G17" s="25">
        <v>110012</v>
      </c>
      <c r="H17" s="25">
        <v>-67</v>
      </c>
      <c r="I17" s="25">
        <v>-90</v>
      </c>
      <c r="J17" s="25">
        <v>23</v>
      </c>
      <c r="K17" s="26">
        <v>2.1946119451964887</v>
      </c>
      <c r="L17" s="27">
        <v>10753.819095477387</v>
      </c>
      <c r="M17" s="20"/>
    </row>
    <row r="18" spans="1:13" s="1" customFormat="1" ht="24" customHeight="1">
      <c r="A18" s="21"/>
      <c r="B18" s="42" t="s">
        <v>81</v>
      </c>
      <c r="C18" s="44"/>
      <c r="D18" s="23">
        <v>100993</v>
      </c>
      <c r="E18" s="24">
        <v>205955</v>
      </c>
      <c r="F18" s="25">
        <v>100924</v>
      </c>
      <c r="G18" s="25">
        <v>105031</v>
      </c>
      <c r="H18" s="25">
        <v>-57</v>
      </c>
      <c r="I18" s="25">
        <v>-118</v>
      </c>
      <c r="J18" s="25">
        <v>61</v>
      </c>
      <c r="K18" s="26">
        <v>2.0392997534482586</v>
      </c>
      <c r="L18" s="27">
        <v>9391.4728682170553</v>
      </c>
      <c r="M18" s="20"/>
    </row>
    <row r="19" spans="1:13" s="1" customFormat="1" ht="24" customHeight="1">
      <c r="A19" s="21"/>
      <c r="B19" s="41" t="s">
        <v>42</v>
      </c>
      <c r="C19" s="22"/>
      <c r="D19" s="23">
        <v>108364</v>
      </c>
      <c r="E19" s="24">
        <v>241958</v>
      </c>
      <c r="F19" s="25">
        <v>116382</v>
      </c>
      <c r="G19" s="25">
        <v>125576</v>
      </c>
      <c r="H19" s="25">
        <v>-22</v>
      </c>
      <c r="I19" s="25">
        <v>-107</v>
      </c>
      <c r="J19" s="25">
        <v>85</v>
      </c>
      <c r="K19" s="26">
        <v>2.2328263999114095</v>
      </c>
      <c r="L19" s="27">
        <v>7392.5450656889707</v>
      </c>
      <c r="M19" s="20"/>
    </row>
    <row r="20" spans="1:13" s="1" customFormat="1" ht="24" customHeight="1">
      <c r="A20" s="21"/>
      <c r="B20" s="41" t="s">
        <v>43</v>
      </c>
      <c r="C20" s="22"/>
      <c r="D20" s="23">
        <v>80001</v>
      </c>
      <c r="E20" s="24">
        <v>165369</v>
      </c>
      <c r="F20" s="25">
        <v>81286</v>
      </c>
      <c r="G20" s="25">
        <v>84083</v>
      </c>
      <c r="H20" s="25">
        <v>9</v>
      </c>
      <c r="I20" s="25">
        <v>-76</v>
      </c>
      <c r="J20" s="25">
        <v>85</v>
      </c>
      <c r="K20" s="26">
        <v>2.0670866614167323</v>
      </c>
      <c r="L20" s="27">
        <v>8680.7874015748021</v>
      </c>
      <c r="M20" s="20"/>
    </row>
    <row r="21" spans="1:13" s="1" customFormat="1" ht="24" customHeight="1">
      <c r="A21" s="21"/>
      <c r="B21" s="41" t="s">
        <v>44</v>
      </c>
      <c r="C21" s="22"/>
      <c r="D21" s="23">
        <v>91055</v>
      </c>
      <c r="E21" s="24">
        <v>195513</v>
      </c>
      <c r="F21" s="25">
        <v>94788</v>
      </c>
      <c r="G21" s="25">
        <v>100725</v>
      </c>
      <c r="H21" s="25">
        <v>126</v>
      </c>
      <c r="I21" s="25">
        <v>-61</v>
      </c>
      <c r="J21" s="25">
        <v>187</v>
      </c>
      <c r="K21" s="26">
        <v>2.1471967492175059</v>
      </c>
      <c r="L21" s="27">
        <v>6315.0193798449609</v>
      </c>
      <c r="M21" s="20"/>
    </row>
    <row r="22" spans="1:13" s="1" customFormat="1" ht="24" customHeight="1">
      <c r="A22" s="21"/>
      <c r="B22" s="41" t="s">
        <v>45</v>
      </c>
      <c r="C22" s="22"/>
      <c r="D22" s="23">
        <v>180928</v>
      </c>
      <c r="E22" s="24">
        <v>363015</v>
      </c>
      <c r="F22" s="25">
        <v>180882</v>
      </c>
      <c r="G22" s="25">
        <v>182133</v>
      </c>
      <c r="H22" s="25">
        <v>-145</v>
      </c>
      <c r="I22" s="25">
        <v>37</v>
      </c>
      <c r="J22" s="25">
        <v>-182</v>
      </c>
      <c r="K22" s="26">
        <v>2.006405863105766</v>
      </c>
      <c r="L22" s="27">
        <v>11560.987261146498</v>
      </c>
      <c r="M22" s="20"/>
    </row>
    <row r="23" spans="1:13" s="1" customFormat="1" ht="24" customHeight="1">
      <c r="A23" s="21"/>
      <c r="B23" s="41" t="s">
        <v>46</v>
      </c>
      <c r="C23" s="22"/>
      <c r="D23" s="23">
        <v>81681</v>
      </c>
      <c r="E23" s="24">
        <v>183142</v>
      </c>
      <c r="F23" s="25">
        <v>89911</v>
      </c>
      <c r="G23" s="25">
        <v>93231</v>
      </c>
      <c r="H23" s="25">
        <v>-30</v>
      </c>
      <c r="I23" s="25">
        <v>-53</v>
      </c>
      <c r="J23" s="25">
        <v>23</v>
      </c>
      <c r="K23" s="26">
        <v>2.2421615798043608</v>
      </c>
      <c r="L23" s="27">
        <v>7179.2238337906701</v>
      </c>
      <c r="M23" s="20"/>
    </row>
    <row r="24" spans="1:13" s="1" customFormat="1" ht="24" customHeight="1">
      <c r="A24" s="21"/>
      <c r="B24" s="41" t="s">
        <v>47</v>
      </c>
      <c r="C24" s="22"/>
      <c r="D24" s="23">
        <v>135856</v>
      </c>
      <c r="E24" s="24">
        <v>309701</v>
      </c>
      <c r="F24" s="25">
        <v>149216</v>
      </c>
      <c r="G24" s="25">
        <v>160485</v>
      </c>
      <c r="H24" s="25">
        <v>-101</v>
      </c>
      <c r="I24" s="25">
        <v>-37</v>
      </c>
      <c r="J24" s="25">
        <v>-64</v>
      </c>
      <c r="K24" s="26">
        <v>2.2796269579554824</v>
      </c>
      <c r="L24" s="27">
        <v>8793.3276547416244</v>
      </c>
      <c r="M24" s="20"/>
    </row>
    <row r="25" spans="1:13" s="1" customFormat="1" ht="24" customHeight="1">
      <c r="A25" s="21"/>
      <c r="B25" s="41" t="s">
        <v>48</v>
      </c>
      <c r="C25" s="22"/>
      <c r="D25" s="23">
        <v>88228</v>
      </c>
      <c r="E25" s="24">
        <v>215345</v>
      </c>
      <c r="F25" s="25">
        <v>105290</v>
      </c>
      <c r="G25" s="25">
        <v>110055</v>
      </c>
      <c r="H25" s="25">
        <v>128</v>
      </c>
      <c r="I25" s="25">
        <v>44</v>
      </c>
      <c r="J25" s="25">
        <v>84</v>
      </c>
      <c r="K25" s="26">
        <v>2.4407784376841817</v>
      </c>
      <c r="L25" s="27">
        <v>7726.7671331180482</v>
      </c>
      <c r="M25" s="20"/>
    </row>
    <row r="26" spans="1:13" s="1" customFormat="1" ht="24" customHeight="1">
      <c r="A26" s="21"/>
      <c r="B26" s="41" t="s">
        <v>49</v>
      </c>
      <c r="C26" s="22"/>
      <c r="D26" s="23">
        <v>125227</v>
      </c>
      <c r="E26" s="24">
        <v>283250</v>
      </c>
      <c r="F26" s="25">
        <v>137920</v>
      </c>
      <c r="G26" s="25">
        <v>145330</v>
      </c>
      <c r="H26" s="25">
        <v>35</v>
      </c>
      <c r="I26" s="25">
        <v>-22</v>
      </c>
      <c r="J26" s="25">
        <v>57</v>
      </c>
      <c r="K26" s="26">
        <v>2.261892403395434</v>
      </c>
      <c r="L26" s="27">
        <v>7914.2218496786818</v>
      </c>
      <c r="M26" s="20"/>
    </row>
    <row r="27" spans="1:13" s="1" customFormat="1" ht="24" customHeight="1">
      <c r="A27" s="21"/>
      <c r="B27" s="41" t="s">
        <v>50</v>
      </c>
      <c r="C27" s="22"/>
      <c r="D27" s="23">
        <v>54510</v>
      </c>
      <c r="E27" s="24">
        <v>120981</v>
      </c>
      <c r="F27" s="25">
        <v>58730</v>
      </c>
      <c r="G27" s="25">
        <v>62251</v>
      </c>
      <c r="H27" s="25">
        <v>-23</v>
      </c>
      <c r="I27" s="25">
        <v>-31</v>
      </c>
      <c r="J27" s="25">
        <v>8</v>
      </c>
      <c r="K27" s="26">
        <v>2.2194276279581726</v>
      </c>
      <c r="L27" s="27">
        <v>6532.4514038876887</v>
      </c>
      <c r="M27" s="20"/>
    </row>
    <row r="28" spans="1:13" s="1" customFormat="1" ht="24" customHeight="1">
      <c r="A28" s="21"/>
      <c r="B28" s="41" t="s">
        <v>51</v>
      </c>
      <c r="C28" s="22"/>
      <c r="D28" s="23">
        <v>64087</v>
      </c>
      <c r="E28" s="24">
        <v>150960</v>
      </c>
      <c r="F28" s="25">
        <v>72954</v>
      </c>
      <c r="G28" s="25">
        <v>78006</v>
      </c>
      <c r="H28" s="25">
        <v>8</v>
      </c>
      <c r="I28" s="25">
        <v>-33</v>
      </c>
      <c r="J28" s="25">
        <v>41</v>
      </c>
      <c r="K28" s="26">
        <v>2.3555479270366844</v>
      </c>
      <c r="L28" s="27">
        <v>6402.0356234096698</v>
      </c>
      <c r="M28" s="20"/>
    </row>
    <row r="29" spans="1:13" s="1" customFormat="1" ht="24" customHeight="1">
      <c r="A29" s="21"/>
      <c r="B29" s="41" t="s">
        <v>52</v>
      </c>
      <c r="C29" s="22"/>
      <c r="D29" s="23">
        <v>53992</v>
      </c>
      <c r="E29" s="24">
        <v>121621</v>
      </c>
      <c r="F29" s="25">
        <v>58660</v>
      </c>
      <c r="G29" s="25">
        <v>62961</v>
      </c>
      <c r="H29" s="25">
        <v>-32</v>
      </c>
      <c r="I29" s="25">
        <v>-51</v>
      </c>
      <c r="J29" s="25">
        <v>19</v>
      </c>
      <c r="K29" s="26">
        <v>2.252574455474885</v>
      </c>
      <c r="L29" s="27">
        <v>7083.3430401863707</v>
      </c>
      <c r="M29" s="20"/>
    </row>
    <row r="30" spans="1:13" s="1" customFormat="1" ht="24" customHeight="1">
      <c r="A30" s="34"/>
      <c r="B30" s="81" t="s">
        <v>25</v>
      </c>
      <c r="C30" s="35"/>
      <c r="D30" s="36">
        <v>771659</v>
      </c>
      <c r="E30" s="37">
        <v>1545091</v>
      </c>
      <c r="F30" s="38">
        <v>777544</v>
      </c>
      <c r="G30" s="38">
        <v>767547</v>
      </c>
      <c r="H30" s="38">
        <v>198</v>
      </c>
      <c r="I30" s="38">
        <v>-80</v>
      </c>
      <c r="J30" s="38">
        <v>278</v>
      </c>
      <c r="K30" s="39">
        <v>2.0022976470176594</v>
      </c>
      <c r="L30" s="40">
        <v>10807.855344152209</v>
      </c>
      <c r="M30" s="20"/>
    </row>
    <row r="31" spans="1:13" s="1" customFormat="1" ht="24" customHeight="1">
      <c r="A31" s="21"/>
      <c r="B31" s="41" t="s">
        <v>53</v>
      </c>
      <c r="C31" s="22"/>
      <c r="D31" s="23">
        <v>126189</v>
      </c>
      <c r="E31" s="24">
        <v>231215</v>
      </c>
      <c r="F31" s="25">
        <v>124500</v>
      </c>
      <c r="G31" s="25">
        <v>106715</v>
      </c>
      <c r="H31" s="25">
        <v>150</v>
      </c>
      <c r="I31" s="25">
        <v>-96</v>
      </c>
      <c r="J31" s="25">
        <v>246</v>
      </c>
      <c r="K31" s="26">
        <v>1.8322912456711757</v>
      </c>
      <c r="L31" s="27">
        <v>5855.0265890098754</v>
      </c>
      <c r="M31" s="20"/>
    </row>
    <row r="32" spans="1:13" s="1" customFormat="1" ht="24" customHeight="1">
      <c r="A32" s="21"/>
      <c r="B32" s="41" t="s">
        <v>82</v>
      </c>
      <c r="C32" s="22"/>
      <c r="D32" s="23">
        <v>82187</v>
      </c>
      <c r="E32" s="24">
        <v>171971</v>
      </c>
      <c r="F32" s="25">
        <v>86973</v>
      </c>
      <c r="G32" s="25">
        <v>84998</v>
      </c>
      <c r="H32" s="25">
        <v>22</v>
      </c>
      <c r="I32" s="25">
        <v>26</v>
      </c>
      <c r="J32" s="25">
        <v>-4</v>
      </c>
      <c r="K32" s="26">
        <v>2.092435543334104</v>
      </c>
      <c r="L32" s="27">
        <v>17179.920079920081</v>
      </c>
      <c r="M32" s="20"/>
    </row>
    <row r="33" spans="1:22" s="1" customFormat="1" ht="24" customHeight="1">
      <c r="A33" s="21"/>
      <c r="B33" s="41" t="s">
        <v>54</v>
      </c>
      <c r="C33" s="22"/>
      <c r="D33" s="23">
        <v>139424</v>
      </c>
      <c r="E33" s="24">
        <v>266370</v>
      </c>
      <c r="F33" s="25">
        <v>134619</v>
      </c>
      <c r="G33" s="25">
        <v>131751</v>
      </c>
      <c r="H33" s="25">
        <v>76</v>
      </c>
      <c r="I33" s="25">
        <v>44</v>
      </c>
      <c r="J33" s="25">
        <v>32</v>
      </c>
      <c r="K33" s="26">
        <v>1.9105032132201056</v>
      </c>
      <c r="L33" s="27">
        <v>18071.23473541384</v>
      </c>
      <c r="M33" s="20"/>
    </row>
    <row r="34" spans="1:22" s="1" customFormat="1" ht="24" customHeight="1">
      <c r="A34" s="21"/>
      <c r="B34" s="41" t="s">
        <v>83</v>
      </c>
      <c r="C34" s="22"/>
      <c r="D34" s="23">
        <v>117144</v>
      </c>
      <c r="E34" s="24">
        <v>234540</v>
      </c>
      <c r="F34" s="25">
        <v>116047</v>
      </c>
      <c r="G34" s="25">
        <v>118493</v>
      </c>
      <c r="H34" s="25">
        <v>89</v>
      </c>
      <c r="I34" s="25">
        <v>6</v>
      </c>
      <c r="J34" s="25">
        <v>83</v>
      </c>
      <c r="K34" s="26">
        <v>2.0021511985248925</v>
      </c>
      <c r="L34" s="27">
        <v>14336.185819070904</v>
      </c>
      <c r="M34" s="20"/>
    </row>
    <row r="35" spans="1:22" s="1" customFormat="1" ht="24" customHeight="1">
      <c r="A35" s="21"/>
      <c r="B35" s="41" t="s">
        <v>55</v>
      </c>
      <c r="C35" s="22"/>
      <c r="D35" s="23">
        <v>105863</v>
      </c>
      <c r="E35" s="24">
        <v>234967</v>
      </c>
      <c r="F35" s="25">
        <v>113640</v>
      </c>
      <c r="G35" s="25">
        <v>121327</v>
      </c>
      <c r="H35" s="25">
        <v>-115</v>
      </c>
      <c r="I35" s="25">
        <v>-8</v>
      </c>
      <c r="J35" s="25">
        <v>-107</v>
      </c>
      <c r="K35" s="26">
        <v>2.2195384600852046</v>
      </c>
      <c r="L35" s="27">
        <v>12625.846319183234</v>
      </c>
      <c r="M35" s="20"/>
    </row>
    <row r="36" spans="1:22" s="1" customFormat="1" ht="24" customHeight="1">
      <c r="A36" s="21"/>
      <c r="B36" s="41" t="s">
        <v>56</v>
      </c>
      <c r="C36" s="22"/>
      <c r="D36" s="23">
        <v>119068</v>
      </c>
      <c r="E36" s="24">
        <v>225318</v>
      </c>
      <c r="F36" s="25">
        <v>114658</v>
      </c>
      <c r="G36" s="25">
        <v>110660</v>
      </c>
      <c r="H36" s="25">
        <v>19</v>
      </c>
      <c r="I36" s="25">
        <v>-2</v>
      </c>
      <c r="J36" s="25">
        <v>21</v>
      </c>
      <c r="K36" s="26">
        <v>1.8923472301541977</v>
      </c>
      <c r="L36" s="27">
        <v>10991.121951219513</v>
      </c>
      <c r="M36" s="20"/>
    </row>
    <row r="37" spans="1:22" s="1" customFormat="1" ht="24" customHeight="1">
      <c r="A37" s="21"/>
      <c r="B37" s="41" t="s">
        <v>57</v>
      </c>
      <c r="C37" s="22"/>
      <c r="D37" s="23">
        <v>81784</v>
      </c>
      <c r="E37" s="24">
        <v>180710</v>
      </c>
      <c r="F37" s="25">
        <v>87107</v>
      </c>
      <c r="G37" s="25">
        <v>93603</v>
      </c>
      <c r="H37" s="25">
        <v>-43</v>
      </c>
      <c r="I37" s="25">
        <v>-50</v>
      </c>
      <c r="J37" s="25">
        <v>7</v>
      </c>
      <c r="K37" s="26">
        <v>2.2096008999315271</v>
      </c>
      <c r="L37" s="27">
        <v>7772.4731182795695</v>
      </c>
      <c r="M37" s="20"/>
      <c r="S37" s="45"/>
      <c r="T37" s="45"/>
      <c r="U37" s="45"/>
      <c r="V37" s="45"/>
    </row>
    <row r="38" spans="1:22" s="1" customFormat="1" ht="24" customHeight="1">
      <c r="A38" s="34"/>
      <c r="B38" s="81" t="s">
        <v>58</v>
      </c>
      <c r="C38" s="46"/>
      <c r="D38" s="36">
        <v>344516</v>
      </c>
      <c r="E38" s="37">
        <v>725215</v>
      </c>
      <c r="F38" s="38">
        <v>361045</v>
      </c>
      <c r="G38" s="38">
        <v>364170</v>
      </c>
      <c r="H38" s="38">
        <v>-171</v>
      </c>
      <c r="I38" s="38">
        <v>-263</v>
      </c>
      <c r="J38" s="38">
        <v>92</v>
      </c>
      <c r="K38" s="39">
        <v>2.105025601133184</v>
      </c>
      <c r="L38" s="40">
        <v>2204.9040771031587</v>
      </c>
      <c r="M38" s="20"/>
    </row>
    <row r="39" spans="1:22" s="1" customFormat="1" ht="24" customHeight="1">
      <c r="A39" s="21"/>
      <c r="B39" s="41" t="s">
        <v>59</v>
      </c>
      <c r="C39" s="47"/>
      <c r="D39" s="23">
        <v>76815</v>
      </c>
      <c r="E39" s="24">
        <v>167770</v>
      </c>
      <c r="F39" s="25">
        <v>84260</v>
      </c>
      <c r="G39" s="25">
        <v>83510</v>
      </c>
      <c r="H39" s="25">
        <v>-91</v>
      </c>
      <c r="I39" s="25">
        <v>-81</v>
      </c>
      <c r="J39" s="25">
        <v>-10</v>
      </c>
      <c r="K39" s="26">
        <v>2.1840786304758186</v>
      </c>
      <c r="L39" s="27">
        <v>660.69389201748515</v>
      </c>
      <c r="M39" s="20"/>
    </row>
    <row r="40" spans="1:22" s="1" customFormat="1" ht="24" customHeight="1">
      <c r="A40" s="21"/>
      <c r="B40" s="41" t="s">
        <v>60</v>
      </c>
      <c r="C40" s="22"/>
      <c r="D40" s="23">
        <v>129745</v>
      </c>
      <c r="E40" s="24">
        <v>274453</v>
      </c>
      <c r="F40" s="25">
        <v>137037</v>
      </c>
      <c r="G40" s="25">
        <v>137416</v>
      </c>
      <c r="H40" s="25">
        <v>-83</v>
      </c>
      <c r="I40" s="25">
        <v>-109</v>
      </c>
      <c r="J40" s="25">
        <v>26</v>
      </c>
      <c r="K40" s="26">
        <v>2.1153262168098963</v>
      </c>
      <c r="L40" s="27">
        <v>7443.8025494982376</v>
      </c>
      <c r="M40" s="20"/>
    </row>
    <row r="41" spans="1:22" s="1" customFormat="1" ht="24" customHeight="1">
      <c r="A41" s="21"/>
      <c r="B41" s="41" t="s">
        <v>61</v>
      </c>
      <c r="C41" s="22"/>
      <c r="D41" s="23">
        <v>137956</v>
      </c>
      <c r="E41" s="24">
        <v>282992</v>
      </c>
      <c r="F41" s="25">
        <v>139748</v>
      </c>
      <c r="G41" s="25">
        <v>143244</v>
      </c>
      <c r="H41" s="25">
        <v>3</v>
      </c>
      <c r="I41" s="25">
        <v>-73</v>
      </c>
      <c r="J41" s="25">
        <v>76</v>
      </c>
      <c r="K41" s="26">
        <v>2.0513207109513178</v>
      </c>
      <c r="L41" s="27">
        <v>7425.6625557596435</v>
      </c>
      <c r="M41" s="20"/>
    </row>
    <row r="42" spans="1:22" s="1" customFormat="1" ht="12" customHeight="1" thickBot="1">
      <c r="A42" s="7"/>
      <c r="B42" s="82"/>
      <c r="C42" s="83"/>
      <c r="D42" s="84"/>
      <c r="E42" s="85"/>
      <c r="F42" s="86"/>
      <c r="G42" s="86"/>
      <c r="H42" s="86"/>
      <c r="I42" s="86"/>
      <c r="J42" s="86"/>
      <c r="K42" s="87"/>
      <c r="L42" s="88"/>
      <c r="M42" s="20"/>
    </row>
    <row r="43" spans="1:22" s="1" customFormat="1" ht="24" customHeight="1">
      <c r="A43" s="49"/>
      <c r="B43" s="41" t="s">
        <v>22</v>
      </c>
      <c r="C43" s="50"/>
      <c r="D43" s="23">
        <v>166133</v>
      </c>
      <c r="E43" s="24">
        <v>376425</v>
      </c>
      <c r="F43" s="25">
        <v>187420</v>
      </c>
      <c r="G43" s="25">
        <v>189005</v>
      </c>
      <c r="H43" s="25">
        <v>-422</v>
      </c>
      <c r="I43" s="25">
        <v>-313</v>
      </c>
      <c r="J43" s="25">
        <v>-109</v>
      </c>
      <c r="K43" s="26">
        <v>2.265805107955674</v>
      </c>
      <c r="L43" s="27">
        <v>3734.0045630393811</v>
      </c>
      <c r="N43" s="64"/>
    </row>
    <row r="44" spans="1:22" s="1" customFormat="1" ht="24" customHeight="1">
      <c r="A44" s="49"/>
      <c r="B44" s="41" t="s">
        <v>8</v>
      </c>
      <c r="C44" s="50"/>
      <c r="D44" s="23">
        <v>116326</v>
      </c>
      <c r="E44" s="24">
        <v>258230</v>
      </c>
      <c r="F44" s="25">
        <v>128828</v>
      </c>
      <c r="G44" s="25">
        <v>129402</v>
      </c>
      <c r="H44" s="25">
        <v>121</v>
      </c>
      <c r="I44" s="25">
        <v>-113</v>
      </c>
      <c r="J44" s="25">
        <v>234</v>
      </c>
      <c r="K44" s="26">
        <v>2.2198820556023589</v>
      </c>
      <c r="L44" s="27">
        <v>3807.5788852845772</v>
      </c>
      <c r="N44" s="64"/>
    </row>
    <row r="45" spans="1:22" s="1" customFormat="1" ht="24" customHeight="1">
      <c r="A45" s="49"/>
      <c r="B45" s="41" t="s">
        <v>13</v>
      </c>
      <c r="C45" s="50"/>
      <c r="D45" s="23">
        <v>77161</v>
      </c>
      <c r="E45" s="24">
        <v>171793</v>
      </c>
      <c r="F45" s="25">
        <v>80581</v>
      </c>
      <c r="G45" s="25">
        <v>91212</v>
      </c>
      <c r="H45" s="25">
        <v>-26</v>
      </c>
      <c r="I45" s="25">
        <v>-74</v>
      </c>
      <c r="J45" s="25">
        <v>48</v>
      </c>
      <c r="K45" s="26">
        <v>2.226422674667254</v>
      </c>
      <c r="L45" s="27">
        <v>4331.6439737771061</v>
      </c>
      <c r="N45" s="64"/>
    </row>
    <row r="46" spans="1:22" s="1" customFormat="1" ht="24" customHeight="1">
      <c r="A46" s="49"/>
      <c r="B46" s="41" t="s">
        <v>7</v>
      </c>
      <c r="C46" s="50"/>
      <c r="D46" s="23">
        <v>201820</v>
      </c>
      <c r="E46" s="24">
        <v>443981</v>
      </c>
      <c r="F46" s="25">
        <v>218958</v>
      </c>
      <c r="G46" s="25">
        <v>225023</v>
      </c>
      <c r="H46" s="25">
        <v>-141</v>
      </c>
      <c r="I46" s="25">
        <v>-59</v>
      </c>
      <c r="J46" s="25">
        <v>-82</v>
      </c>
      <c r="K46" s="26">
        <v>2.1998860370627291</v>
      </c>
      <c r="L46" s="27">
        <v>6382.7055779183438</v>
      </c>
      <c r="N46" s="64"/>
    </row>
    <row r="47" spans="1:22" s="1" customFormat="1" ht="24" customHeight="1">
      <c r="A47" s="51"/>
      <c r="B47" s="41" t="s">
        <v>12</v>
      </c>
      <c r="C47" s="50"/>
      <c r="D47" s="23">
        <v>84422</v>
      </c>
      <c r="E47" s="24">
        <v>186634</v>
      </c>
      <c r="F47" s="25">
        <v>90266</v>
      </c>
      <c r="G47" s="25">
        <v>96368</v>
      </c>
      <c r="H47" s="25">
        <v>8</v>
      </c>
      <c r="I47" s="25">
        <v>-106</v>
      </c>
      <c r="J47" s="25">
        <v>114</v>
      </c>
      <c r="K47" s="26">
        <v>2.2107270616663901</v>
      </c>
      <c r="L47" s="27">
        <v>1642.9049295774648</v>
      </c>
      <c r="N47" s="64"/>
    </row>
    <row r="48" spans="1:22" s="1" customFormat="1" ht="24" customHeight="1">
      <c r="A48" s="51"/>
      <c r="B48" s="41" t="s">
        <v>9</v>
      </c>
      <c r="C48" s="52"/>
      <c r="D48" s="23">
        <v>107079</v>
      </c>
      <c r="E48" s="24">
        <v>245418</v>
      </c>
      <c r="F48" s="25">
        <v>118885</v>
      </c>
      <c r="G48" s="25">
        <v>126533</v>
      </c>
      <c r="H48" s="25">
        <v>175</v>
      </c>
      <c r="I48" s="25">
        <v>-68</v>
      </c>
      <c r="J48" s="25">
        <v>243</v>
      </c>
      <c r="K48" s="26">
        <v>2.2919339926596249</v>
      </c>
      <c r="L48" s="27">
        <v>6874.4537815126041</v>
      </c>
      <c r="N48" s="64"/>
    </row>
    <row r="49" spans="1:14" s="1" customFormat="1" ht="24" customHeight="1">
      <c r="A49" s="51"/>
      <c r="B49" s="41" t="s">
        <v>19</v>
      </c>
      <c r="C49" s="52"/>
      <c r="D49" s="23">
        <v>25126</v>
      </c>
      <c r="E49" s="24">
        <v>56138</v>
      </c>
      <c r="F49" s="25">
        <v>26190</v>
      </c>
      <c r="G49" s="25">
        <v>29948</v>
      </c>
      <c r="H49" s="25">
        <v>-40</v>
      </c>
      <c r="I49" s="25">
        <v>-61</v>
      </c>
      <c r="J49" s="25">
        <v>21</v>
      </c>
      <c r="K49" s="26">
        <v>2.2342593329618721</v>
      </c>
      <c r="L49" s="27">
        <v>3248.7268518518517</v>
      </c>
      <c r="N49" s="64"/>
    </row>
    <row r="50" spans="1:14" s="1" customFormat="1" ht="24" customHeight="1">
      <c r="A50" s="51"/>
      <c r="B50" s="41" t="s">
        <v>20</v>
      </c>
      <c r="C50" s="52"/>
      <c r="D50" s="23">
        <v>17154</v>
      </c>
      <c r="E50" s="24">
        <v>40360</v>
      </c>
      <c r="F50" s="25">
        <v>19253</v>
      </c>
      <c r="G50" s="25">
        <v>21107</v>
      </c>
      <c r="H50" s="25">
        <v>-82</v>
      </c>
      <c r="I50" s="25">
        <v>-51</v>
      </c>
      <c r="J50" s="25">
        <v>-31</v>
      </c>
      <c r="K50" s="26">
        <v>2.352804010726361</v>
      </c>
      <c r="L50" s="27">
        <v>1259.2823712948518</v>
      </c>
      <c r="N50" s="64"/>
    </row>
    <row r="51" spans="1:14" s="1" customFormat="1" ht="24" customHeight="1">
      <c r="A51" s="51"/>
      <c r="B51" s="41" t="s">
        <v>14</v>
      </c>
      <c r="C51" s="52"/>
      <c r="D51" s="23">
        <v>72798</v>
      </c>
      <c r="E51" s="24">
        <v>161424</v>
      </c>
      <c r="F51" s="25">
        <v>81534</v>
      </c>
      <c r="G51" s="25">
        <v>79890</v>
      </c>
      <c r="H51" s="25">
        <v>-23</v>
      </c>
      <c r="I51" s="25">
        <v>-89</v>
      </c>
      <c r="J51" s="25">
        <v>66</v>
      </c>
      <c r="K51" s="26">
        <v>2.2174235555921866</v>
      </c>
      <c r="L51" s="27">
        <v>1555.7440246723206</v>
      </c>
      <c r="N51" s="64"/>
    </row>
    <row r="52" spans="1:14" s="1" customFormat="1" ht="24" customHeight="1">
      <c r="A52" s="51"/>
      <c r="B52" s="41" t="s">
        <v>11</v>
      </c>
      <c r="C52" s="52"/>
      <c r="D52" s="23">
        <v>104807</v>
      </c>
      <c r="E52" s="24">
        <v>224141</v>
      </c>
      <c r="F52" s="25">
        <v>115486</v>
      </c>
      <c r="G52" s="25">
        <v>108655</v>
      </c>
      <c r="H52" s="25">
        <v>-46</v>
      </c>
      <c r="I52" s="25">
        <v>-78</v>
      </c>
      <c r="J52" s="25">
        <v>32</v>
      </c>
      <c r="K52" s="26">
        <v>2.1386071541023024</v>
      </c>
      <c r="L52" s="27">
        <v>2388.5443307757887</v>
      </c>
      <c r="N52" s="64"/>
    </row>
    <row r="53" spans="1:14" s="1" customFormat="1" ht="24" customHeight="1">
      <c r="A53" s="51"/>
      <c r="B53" s="41" t="s">
        <v>10</v>
      </c>
      <c r="C53" s="52"/>
      <c r="D53" s="23">
        <v>115150</v>
      </c>
      <c r="E53" s="24">
        <v>243270</v>
      </c>
      <c r="F53" s="25">
        <v>121224</v>
      </c>
      <c r="G53" s="25">
        <v>122046</v>
      </c>
      <c r="H53" s="25">
        <v>-7</v>
      </c>
      <c r="I53" s="25">
        <v>-38</v>
      </c>
      <c r="J53" s="25">
        <v>31</v>
      </c>
      <c r="K53" s="26">
        <v>2.1126356925749024</v>
      </c>
      <c r="L53" s="27">
        <v>8980.0664451827251</v>
      </c>
      <c r="N53" s="64"/>
    </row>
    <row r="54" spans="1:14" s="1" customFormat="1" ht="24" customHeight="1">
      <c r="A54" s="51"/>
      <c r="B54" s="41" t="s">
        <v>17</v>
      </c>
      <c r="C54" s="52"/>
      <c r="D54" s="23">
        <v>46997</v>
      </c>
      <c r="E54" s="24">
        <v>101503</v>
      </c>
      <c r="F54" s="25">
        <v>51351</v>
      </c>
      <c r="G54" s="25">
        <v>50152</v>
      </c>
      <c r="H54" s="25">
        <v>-22</v>
      </c>
      <c r="I54" s="25">
        <v>-43</v>
      </c>
      <c r="J54" s="25">
        <v>21</v>
      </c>
      <c r="K54" s="26">
        <v>2.1597761559248463</v>
      </c>
      <c r="L54" s="27">
        <v>1826.9078473722102</v>
      </c>
      <c r="N54" s="64"/>
    </row>
    <row r="55" spans="1:14" s="1" customFormat="1" ht="24" customHeight="1">
      <c r="A55" s="51"/>
      <c r="B55" s="41" t="s">
        <v>15</v>
      </c>
      <c r="C55" s="52"/>
      <c r="D55" s="23">
        <v>61737</v>
      </c>
      <c r="E55" s="24">
        <v>140040</v>
      </c>
      <c r="F55" s="25">
        <v>70340</v>
      </c>
      <c r="G55" s="25">
        <v>69700</v>
      </c>
      <c r="H55" s="25">
        <v>203</v>
      </c>
      <c r="I55" s="25">
        <v>-17</v>
      </c>
      <c r="J55" s="25">
        <v>220</v>
      </c>
      <c r="K55" s="26">
        <v>2.2683317945478398</v>
      </c>
      <c r="L55" s="27">
        <v>5266.6415945844301</v>
      </c>
      <c r="N55" s="64"/>
    </row>
    <row r="56" spans="1:14" s="1" customFormat="1" ht="24" customHeight="1">
      <c r="A56" s="51"/>
      <c r="B56" s="41" t="s">
        <v>16</v>
      </c>
      <c r="C56" s="52"/>
      <c r="D56" s="23">
        <v>61978</v>
      </c>
      <c r="E56" s="24">
        <v>132083</v>
      </c>
      <c r="F56" s="25">
        <v>65632</v>
      </c>
      <c r="G56" s="25">
        <v>66451</v>
      </c>
      <c r="H56" s="25">
        <v>-60</v>
      </c>
      <c r="I56" s="25">
        <v>-30</v>
      </c>
      <c r="J56" s="25">
        <v>-30</v>
      </c>
      <c r="K56" s="26">
        <v>2.1311271741585722</v>
      </c>
      <c r="L56" s="27">
        <v>7517.5298804780878</v>
      </c>
      <c r="N56" s="64"/>
    </row>
    <row r="57" spans="1:14" s="1" customFormat="1" ht="24" customHeight="1">
      <c r="A57" s="51"/>
      <c r="B57" s="41" t="s">
        <v>21</v>
      </c>
      <c r="C57" s="52"/>
      <c r="D57" s="23">
        <v>16637</v>
      </c>
      <c r="E57" s="24">
        <v>39856</v>
      </c>
      <c r="F57" s="25">
        <v>19464</v>
      </c>
      <c r="G57" s="25">
        <v>20392</v>
      </c>
      <c r="H57" s="25">
        <v>-17</v>
      </c>
      <c r="I57" s="25">
        <v>-25</v>
      </c>
      <c r="J57" s="25">
        <v>8</v>
      </c>
      <c r="K57" s="26">
        <v>2.3956242110957504</v>
      </c>
      <c r="L57" s="27">
        <v>516.80497925311204</v>
      </c>
      <c r="N57" s="64"/>
    </row>
    <row r="58" spans="1:14" s="1" customFormat="1" ht="24" customHeight="1">
      <c r="A58" s="51"/>
      <c r="B58" s="41" t="s">
        <v>18</v>
      </c>
      <c r="C58" s="52"/>
      <c r="D58" s="23">
        <v>35511</v>
      </c>
      <c r="E58" s="24">
        <v>82984</v>
      </c>
      <c r="F58" s="25">
        <v>41901</v>
      </c>
      <c r="G58" s="25">
        <v>41083</v>
      </c>
      <c r="H58" s="25">
        <v>-20</v>
      </c>
      <c r="I58" s="25">
        <v>-17</v>
      </c>
      <c r="J58" s="25">
        <v>-3</v>
      </c>
      <c r="K58" s="26">
        <v>2.3368533693785025</v>
      </c>
      <c r="L58" s="27">
        <v>3748.1481481481483</v>
      </c>
      <c r="N58" s="64"/>
    </row>
    <row r="59" spans="1:14" s="1" customFormat="1" ht="24" customHeight="1">
      <c r="A59" s="51"/>
      <c r="B59" s="42" t="s">
        <v>84</v>
      </c>
      <c r="C59" s="52"/>
      <c r="D59" s="23">
        <v>13099</v>
      </c>
      <c r="E59" s="24">
        <v>31193</v>
      </c>
      <c r="F59" s="25">
        <v>14644</v>
      </c>
      <c r="G59" s="25">
        <v>16549</v>
      </c>
      <c r="H59" s="25">
        <v>2</v>
      </c>
      <c r="I59" s="25">
        <v>-23</v>
      </c>
      <c r="J59" s="25">
        <v>25</v>
      </c>
      <c r="K59" s="26">
        <v>2.3813268188411327</v>
      </c>
      <c r="L59" s="27">
        <v>1830.575117370892</v>
      </c>
      <c r="N59" s="64"/>
    </row>
    <row r="60" spans="1:14" s="1" customFormat="1" ht="24" customHeight="1">
      <c r="A60" s="51"/>
      <c r="B60" s="42" t="s">
        <v>85</v>
      </c>
      <c r="C60" s="52"/>
      <c r="D60" s="23">
        <v>20656</v>
      </c>
      <c r="E60" s="24">
        <v>48624</v>
      </c>
      <c r="F60" s="25">
        <v>24670</v>
      </c>
      <c r="G60" s="25">
        <v>23954</v>
      </c>
      <c r="H60" s="25">
        <v>-11</v>
      </c>
      <c r="I60" s="25">
        <v>-36</v>
      </c>
      <c r="J60" s="25">
        <v>25</v>
      </c>
      <c r="K60" s="26">
        <v>2.3539891556932608</v>
      </c>
      <c r="L60" s="27">
        <v>3644.9775112443776</v>
      </c>
      <c r="N60" s="64"/>
    </row>
    <row r="61" spans="1:14" s="1" customFormat="1" ht="24" customHeight="1">
      <c r="A61" s="53"/>
      <c r="B61" s="81" t="s">
        <v>26</v>
      </c>
      <c r="C61" s="54"/>
      <c r="D61" s="36">
        <v>24721</v>
      </c>
      <c r="E61" s="37">
        <v>58180</v>
      </c>
      <c r="F61" s="38">
        <v>28122</v>
      </c>
      <c r="G61" s="38">
        <v>30058</v>
      </c>
      <c r="H61" s="38">
        <v>-36</v>
      </c>
      <c r="I61" s="38">
        <v>-42</v>
      </c>
      <c r="J61" s="38">
        <v>6</v>
      </c>
      <c r="K61" s="39">
        <v>2.3534646656688647</v>
      </c>
      <c r="L61" s="40">
        <v>2216.3809523809523</v>
      </c>
      <c r="N61" s="64"/>
    </row>
    <row r="62" spans="1:14" s="1" customFormat="1" ht="24" customHeight="1">
      <c r="A62" s="51"/>
      <c r="B62" s="41" t="s">
        <v>62</v>
      </c>
      <c r="C62" s="52"/>
      <c r="D62" s="23">
        <v>12965</v>
      </c>
      <c r="E62" s="24">
        <v>31179</v>
      </c>
      <c r="F62" s="25">
        <v>15170</v>
      </c>
      <c r="G62" s="25">
        <v>16009</v>
      </c>
      <c r="H62" s="25">
        <v>-6</v>
      </c>
      <c r="I62" s="25">
        <v>-20</v>
      </c>
      <c r="J62" s="25">
        <v>14</v>
      </c>
      <c r="K62" s="26">
        <v>2.4048592364057075</v>
      </c>
      <c r="L62" s="27">
        <v>1814.8428405122236</v>
      </c>
      <c r="N62" s="64"/>
    </row>
    <row r="63" spans="1:14" s="1" customFormat="1" ht="24" customHeight="1">
      <c r="A63" s="51"/>
      <c r="B63" s="41" t="s">
        <v>63</v>
      </c>
      <c r="C63" s="52"/>
      <c r="D63" s="23">
        <v>11756</v>
      </c>
      <c r="E63" s="24">
        <v>27001</v>
      </c>
      <c r="F63" s="25">
        <v>12952</v>
      </c>
      <c r="G63" s="25">
        <v>14049</v>
      </c>
      <c r="H63" s="25">
        <v>-30</v>
      </c>
      <c r="I63" s="25">
        <v>-22</v>
      </c>
      <c r="J63" s="25">
        <v>-8</v>
      </c>
      <c r="K63" s="26">
        <v>2.2967846206192584</v>
      </c>
      <c r="L63" s="27">
        <v>2973.6784140969162</v>
      </c>
      <c r="N63" s="64"/>
    </row>
    <row r="64" spans="1:14" s="1" customFormat="1" ht="24" customHeight="1">
      <c r="A64" s="53"/>
      <c r="B64" s="81" t="s">
        <v>27</v>
      </c>
      <c r="C64" s="54"/>
      <c r="D64" s="36">
        <v>26296</v>
      </c>
      <c r="E64" s="37">
        <v>64700</v>
      </c>
      <c r="F64" s="38">
        <v>31838</v>
      </c>
      <c r="G64" s="38">
        <v>32862</v>
      </c>
      <c r="H64" s="38">
        <v>-20</v>
      </c>
      <c r="I64" s="38">
        <v>-27</v>
      </c>
      <c r="J64" s="38">
        <v>7</v>
      </c>
      <c r="K64" s="39">
        <v>2.460450258594463</v>
      </c>
      <c r="L64" s="40">
        <v>213.33421260881036</v>
      </c>
      <c r="N64" s="64"/>
    </row>
    <row r="65" spans="1:14" s="1" customFormat="1" ht="24" customHeight="1">
      <c r="A65" s="51"/>
      <c r="B65" s="41" t="s">
        <v>64</v>
      </c>
      <c r="C65" s="52"/>
      <c r="D65" s="23">
        <v>3448</v>
      </c>
      <c r="E65" s="24">
        <v>8973</v>
      </c>
      <c r="F65" s="25">
        <v>4478</v>
      </c>
      <c r="G65" s="25">
        <v>4495</v>
      </c>
      <c r="H65" s="25">
        <v>2</v>
      </c>
      <c r="I65" s="25">
        <v>-9</v>
      </c>
      <c r="J65" s="25">
        <v>11</v>
      </c>
      <c r="K65" s="26">
        <v>2.6023781902552203</v>
      </c>
      <c r="L65" s="27">
        <v>448.87443721860933</v>
      </c>
      <c r="N65" s="64"/>
    </row>
    <row r="66" spans="1:14" s="1" customFormat="1" ht="24" customHeight="1">
      <c r="A66" s="51"/>
      <c r="B66" s="41" t="s">
        <v>65</v>
      </c>
      <c r="C66" s="52"/>
      <c r="D66" s="23">
        <v>7053</v>
      </c>
      <c r="E66" s="24">
        <v>17280</v>
      </c>
      <c r="F66" s="25">
        <v>8481</v>
      </c>
      <c r="G66" s="25">
        <v>8799</v>
      </c>
      <c r="H66" s="25">
        <v>2</v>
      </c>
      <c r="I66" s="25">
        <v>-4</v>
      </c>
      <c r="J66" s="25">
        <v>6</v>
      </c>
      <c r="K66" s="26">
        <v>2.4500212675457251</v>
      </c>
      <c r="L66" s="27">
        <v>1201.6689847009734</v>
      </c>
      <c r="N66" s="64"/>
    </row>
    <row r="67" spans="1:14" s="1" customFormat="1" ht="24" customHeight="1">
      <c r="A67" s="51"/>
      <c r="B67" s="41" t="s">
        <v>66</v>
      </c>
      <c r="C67" s="52"/>
      <c r="D67" s="23">
        <v>4505</v>
      </c>
      <c r="E67" s="24">
        <v>10362</v>
      </c>
      <c r="F67" s="25">
        <v>5148</v>
      </c>
      <c r="G67" s="25">
        <v>5214</v>
      </c>
      <c r="H67" s="25">
        <v>-33</v>
      </c>
      <c r="I67" s="25">
        <v>-6</v>
      </c>
      <c r="J67" s="25">
        <v>-27</v>
      </c>
      <c r="K67" s="26">
        <v>2.300110987791343</v>
      </c>
      <c r="L67" s="27">
        <v>274.49006622516555</v>
      </c>
      <c r="N67" s="64"/>
    </row>
    <row r="68" spans="1:14" s="1" customFormat="1" ht="24" customHeight="1">
      <c r="A68" s="51"/>
      <c r="B68" s="41" t="s">
        <v>67</v>
      </c>
      <c r="C68" s="52"/>
      <c r="D68" s="23">
        <v>3922</v>
      </c>
      <c r="E68" s="24">
        <v>9261</v>
      </c>
      <c r="F68" s="25">
        <v>4596</v>
      </c>
      <c r="G68" s="25">
        <v>4665</v>
      </c>
      <c r="H68" s="25">
        <v>-15</v>
      </c>
      <c r="I68" s="25">
        <v>-7</v>
      </c>
      <c r="J68" s="25">
        <v>-8</v>
      </c>
      <c r="K68" s="26">
        <v>2.3612952575216726</v>
      </c>
      <c r="L68" s="27">
        <v>41.231467877654602</v>
      </c>
      <c r="N68" s="64"/>
    </row>
    <row r="69" spans="1:14" s="1" customFormat="1" ht="24" customHeight="1">
      <c r="A69" s="51"/>
      <c r="B69" s="41" t="s">
        <v>68</v>
      </c>
      <c r="C69" s="52"/>
      <c r="D69" s="23">
        <v>7368</v>
      </c>
      <c r="E69" s="24">
        <v>18824</v>
      </c>
      <c r="F69" s="25">
        <v>9135</v>
      </c>
      <c r="G69" s="25">
        <v>9689</v>
      </c>
      <c r="H69" s="25">
        <v>24</v>
      </c>
      <c r="I69" s="25">
        <v>-1</v>
      </c>
      <c r="J69" s="25">
        <v>25</v>
      </c>
      <c r="K69" s="26">
        <v>2.554831704668838</v>
      </c>
      <c r="L69" s="27">
        <v>2873.8931297709923</v>
      </c>
      <c r="N69" s="64"/>
    </row>
    <row r="70" spans="1:14" s="1" customFormat="1" ht="24" customHeight="1">
      <c r="A70" s="53"/>
      <c r="B70" s="81" t="s">
        <v>28</v>
      </c>
      <c r="C70" s="54"/>
      <c r="D70" s="36">
        <v>20171</v>
      </c>
      <c r="E70" s="37">
        <v>39923</v>
      </c>
      <c r="F70" s="38">
        <v>18688</v>
      </c>
      <c r="G70" s="38">
        <v>21235</v>
      </c>
      <c r="H70" s="38">
        <v>-5</v>
      </c>
      <c r="I70" s="38">
        <v>-37</v>
      </c>
      <c r="J70" s="38">
        <v>32</v>
      </c>
      <c r="K70" s="39">
        <v>1.9792276039859205</v>
      </c>
      <c r="L70" s="40">
        <v>283.4031376446369</v>
      </c>
      <c r="N70" s="64"/>
    </row>
    <row r="71" spans="1:14" s="1" customFormat="1" ht="24" customHeight="1">
      <c r="A71" s="51"/>
      <c r="B71" s="41" t="s">
        <v>69</v>
      </c>
      <c r="C71" s="52"/>
      <c r="D71" s="23">
        <v>6457</v>
      </c>
      <c r="E71" s="24">
        <v>10990</v>
      </c>
      <c r="F71" s="25">
        <v>5277</v>
      </c>
      <c r="G71" s="25">
        <v>5713</v>
      </c>
      <c r="H71" s="25">
        <v>-18</v>
      </c>
      <c r="I71" s="25">
        <v>-6</v>
      </c>
      <c r="J71" s="25">
        <v>-12</v>
      </c>
      <c r="K71" s="26">
        <v>1.7020288059470343</v>
      </c>
      <c r="L71" s="27">
        <v>118.35020460908895</v>
      </c>
      <c r="N71" s="64"/>
    </row>
    <row r="72" spans="1:14" s="1" customFormat="1" ht="24" customHeight="1">
      <c r="A72" s="51"/>
      <c r="B72" s="41" t="s">
        <v>70</v>
      </c>
      <c r="C72" s="52"/>
      <c r="D72" s="23">
        <v>2917</v>
      </c>
      <c r="E72" s="24">
        <v>6367</v>
      </c>
      <c r="F72" s="25">
        <v>2953</v>
      </c>
      <c r="G72" s="25">
        <v>3414</v>
      </c>
      <c r="H72" s="25">
        <v>20</v>
      </c>
      <c r="I72" s="25">
        <v>-2</v>
      </c>
      <c r="J72" s="25">
        <v>22</v>
      </c>
      <c r="K72" s="26">
        <v>2.1827219746314706</v>
      </c>
      <c r="L72" s="27">
        <v>903.12056737588659</v>
      </c>
      <c r="N72" s="64"/>
    </row>
    <row r="73" spans="1:14" s="1" customFormat="1" ht="24" customHeight="1">
      <c r="A73" s="51"/>
      <c r="B73" s="41" t="s">
        <v>86</v>
      </c>
      <c r="C73" s="52"/>
      <c r="D73" s="23">
        <v>10797</v>
      </c>
      <c r="E73" s="24">
        <v>22566</v>
      </c>
      <c r="F73" s="25">
        <v>10458</v>
      </c>
      <c r="G73" s="25">
        <v>12108</v>
      </c>
      <c r="H73" s="25">
        <v>-7</v>
      </c>
      <c r="I73" s="25">
        <v>-29</v>
      </c>
      <c r="J73" s="25">
        <v>22</v>
      </c>
      <c r="K73" s="26">
        <v>2.0900250069463739</v>
      </c>
      <c r="L73" s="27">
        <v>550.79326336343672</v>
      </c>
      <c r="N73" s="64"/>
    </row>
    <row r="74" spans="1:14" s="1" customFormat="1" ht="24" customHeight="1">
      <c r="A74" s="53"/>
      <c r="B74" s="81" t="s">
        <v>29</v>
      </c>
      <c r="C74" s="54"/>
      <c r="D74" s="36">
        <v>18760</v>
      </c>
      <c r="E74" s="37">
        <v>42295</v>
      </c>
      <c r="F74" s="38">
        <v>22085</v>
      </c>
      <c r="G74" s="38">
        <v>20210</v>
      </c>
      <c r="H74" s="38">
        <v>0</v>
      </c>
      <c r="I74" s="38">
        <v>-26</v>
      </c>
      <c r="J74" s="38">
        <v>26</v>
      </c>
      <c r="K74" s="39">
        <v>2.2545309168443497</v>
      </c>
      <c r="L74" s="40">
        <v>400.82448824867328</v>
      </c>
      <c r="N74" s="64"/>
    </row>
    <row r="75" spans="1:14" s="1" customFormat="1" ht="24" customHeight="1">
      <c r="A75" s="51"/>
      <c r="B75" s="41" t="s">
        <v>71</v>
      </c>
      <c r="C75" s="52"/>
      <c r="D75" s="23">
        <v>17632</v>
      </c>
      <c r="E75" s="24">
        <v>39372</v>
      </c>
      <c r="F75" s="25">
        <v>20588</v>
      </c>
      <c r="G75" s="25">
        <v>18784</v>
      </c>
      <c r="H75" s="25">
        <v>-4</v>
      </c>
      <c r="I75" s="25">
        <v>-26</v>
      </c>
      <c r="J75" s="25">
        <v>22</v>
      </c>
      <c r="K75" s="26">
        <v>2.2329854809437388</v>
      </c>
      <c r="L75" s="27">
        <v>1148.541423570595</v>
      </c>
      <c r="N75" s="64"/>
    </row>
    <row r="76" spans="1:14" s="1" customFormat="1" ht="24" customHeight="1">
      <c r="A76" s="51"/>
      <c r="B76" s="41" t="s">
        <v>72</v>
      </c>
      <c r="C76" s="52"/>
      <c r="D76" s="23">
        <v>1128</v>
      </c>
      <c r="E76" s="24">
        <v>2923</v>
      </c>
      <c r="F76" s="25">
        <v>1497</v>
      </c>
      <c r="G76" s="25">
        <v>1426</v>
      </c>
      <c r="H76" s="25">
        <v>4</v>
      </c>
      <c r="I76" s="25">
        <v>0</v>
      </c>
      <c r="J76" s="25">
        <v>4</v>
      </c>
      <c r="K76" s="26">
        <v>2.5913120567375887</v>
      </c>
      <c r="L76" s="27">
        <v>41.030320044918589</v>
      </c>
      <c r="N76" s="64"/>
    </row>
    <row r="77" spans="1:14" s="1" customFormat="1" ht="24" customHeight="1" thickBot="1">
      <c r="A77" s="55"/>
      <c r="B77" s="94"/>
      <c r="C77" s="63"/>
      <c r="D77" s="56"/>
      <c r="E77" s="57"/>
      <c r="F77" s="57"/>
      <c r="G77" s="57"/>
      <c r="H77" s="57"/>
      <c r="I77" s="57"/>
      <c r="J77" s="57"/>
      <c r="K77" s="57"/>
      <c r="L77" s="58"/>
      <c r="N77" s="64"/>
    </row>
    <row r="78" spans="1:14" s="1" customFormat="1" ht="14.25" customHeight="1">
      <c r="B78" s="48"/>
      <c r="C78" s="48"/>
      <c r="D78" s="48"/>
      <c r="E78" s="48"/>
      <c r="F78" s="48"/>
      <c r="G78" s="48"/>
      <c r="H78" s="48"/>
      <c r="I78" s="48"/>
      <c r="J78" s="48"/>
      <c r="K78" s="48"/>
      <c r="L78" s="59" t="s">
        <v>87</v>
      </c>
      <c r="N78" s="64"/>
    </row>
    <row r="79" spans="1:14" s="1" customFormat="1" ht="14.25" customHeight="1">
      <c r="B79" s="48"/>
      <c r="C79" s="48"/>
      <c r="D79" s="48"/>
      <c r="E79" s="48"/>
      <c r="F79" s="48"/>
      <c r="G79" s="48"/>
      <c r="H79" s="48"/>
      <c r="I79" s="48"/>
      <c r="J79" s="48"/>
      <c r="K79" s="48"/>
      <c r="L79" s="48"/>
      <c r="N79" s="64"/>
    </row>
    <row r="80" spans="1:14" s="1" customFormat="1" ht="14.25" customHeight="1">
      <c r="A80" s="60" t="s">
        <v>76</v>
      </c>
      <c r="B80" s="61"/>
      <c r="C80" s="62"/>
      <c r="D80" s="62"/>
      <c r="E80" s="48"/>
      <c r="F80" s="48"/>
      <c r="G80" s="48"/>
      <c r="H80" s="48"/>
      <c r="I80" s="48"/>
      <c r="J80" s="48"/>
      <c r="K80" s="48"/>
      <c r="L80" s="48"/>
      <c r="N80" s="64"/>
    </row>
    <row r="81" spans="1:14" s="1" customFormat="1" ht="14.25" customHeight="1">
      <c r="A81" s="67"/>
      <c r="B81" s="61" t="s">
        <v>88</v>
      </c>
      <c r="C81" s="62"/>
      <c r="D81" s="62"/>
      <c r="E81" s="48"/>
      <c r="F81" s="48"/>
      <c r="G81" s="48"/>
      <c r="H81" s="48"/>
      <c r="I81" s="48"/>
      <c r="J81" s="48"/>
      <c r="K81" s="48"/>
      <c r="L81" s="48"/>
      <c r="N81" s="64"/>
    </row>
    <row r="82" spans="1:14" s="1" customFormat="1" ht="14.25" customHeight="1">
      <c r="A82" s="60" t="s">
        <v>89</v>
      </c>
      <c r="B82" s="61"/>
      <c r="C82" s="62"/>
      <c r="D82" s="62"/>
      <c r="E82" s="48"/>
      <c r="F82" s="48"/>
      <c r="G82" s="48"/>
      <c r="H82" s="48"/>
      <c r="I82" s="48"/>
      <c r="J82" s="48"/>
      <c r="K82" s="48"/>
      <c r="L82" s="48"/>
      <c r="N82" s="64"/>
    </row>
    <row r="83" spans="1:14">
      <c r="A83" s="67"/>
      <c r="B83" s="61" t="s">
        <v>90</v>
      </c>
      <c r="C83" s="62"/>
      <c r="D83" s="62"/>
    </row>
  </sheetData>
  <mergeCells count="2">
    <mergeCell ref="B4:B5"/>
    <mergeCell ref="D4:D5"/>
  </mergeCells>
  <phoneticPr fontId="3"/>
  <printOptions horizontalCentered="1"/>
  <pageMargins left="0.47244094488188981" right="0.47244094488188981" top="1.0236220472440944" bottom="0.27559055118110237" header="0.31496062992125984" footer="0.31496062992125984"/>
  <pageSetup paperSize="9" scale="73" orientation="portrait" r:id="rId1"/>
  <rowBreaks count="1" manualBreakCount="1">
    <brk id="42" max="11"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人口と世帯</vt:lpstr>
      <vt:lpstr>人口と世帯!Print_Area</vt:lpstr>
      <vt:lpstr>人口と世帯!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12-19T07:38:13Z</cp:lastPrinted>
  <dcterms:created xsi:type="dcterms:W3CDTF">2021-07-07T02:59:25Z</dcterms:created>
  <dcterms:modified xsi:type="dcterms:W3CDTF">2023-08-22T06:52:30Z</dcterms:modified>
</cp:coreProperties>
</file>